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bookmarkStart w:id="0" w:name="_GoBack"/>
      <w:bookmarkEnd w:id="0"/>
      <w:r w:rsidRPr="005B592D">
        <w:rPr>
          <w:rFonts w:ascii="Courier New" w:hAnsi="Courier New" w:cs="Courier New"/>
        </w:rPr>
        <w:t>{\rtf1\ansi\ansicpg1252\uc1\deff1\stshfdbch0\stshfloch0\stshfhich0\stshfbi0\deflang2057\deflangfe2057{\fonttbl{\f0\froman\fcharset0\fprq2{\*\panose 02020603050405020304}Times New Roman;}{\f1\fswiss\fcharset0\fprq2{\*\panose 020b0604020202020204}Arial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</w:t>
      </w:r>
      <w:r w:rsidRPr="005B592D">
        <w:rPr>
          <w:rFonts w:ascii="Courier New" w:hAnsi="Courier New" w:cs="Courier New"/>
        </w:rPr>
        <w:t>f2\fmodern\fcharset0\fprq1{\*\panose 02070309020205020404}Courier New;}{\f3\froman\fcharset2\fprq2{\*\panose 05050102010706020507}Symbol;}{\f4\fswiss\fcharset0\fprq2{\*\panose 020b0604020202020204}Helvetica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f10\fnil\fcharset2\fprq2{\*\panose 050000000</w:t>
      </w:r>
      <w:r w:rsidRPr="005B592D">
        <w:rPr>
          <w:rFonts w:ascii="Courier New" w:hAnsi="Courier New" w:cs="Courier New"/>
        </w:rPr>
        <w:t>00000000000}Wingdings;}{\f35\fswiss\fcharset0\fprq2{\*\panose 020b0604030504040204}Tahoma;}{\f36\froman\fcharset238\fprq2 Times New Roman CE;}{\f37\froman\fcharset204\fprq2 Times New Roman Cyr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f39\froman\fcharset161\fprq2 Times New Roman Greek;}{\f40\</w:t>
      </w:r>
      <w:r w:rsidRPr="005B592D">
        <w:rPr>
          <w:rFonts w:ascii="Courier New" w:hAnsi="Courier New" w:cs="Courier New"/>
        </w:rPr>
        <w:t>froman\fcharset162\fprq2 Times New Roman Tur;}{\f41\froman\fcharset177\fprq2 Times New Roman (Hebrew);}{\f42\froman\fcharset178\fprq2 Times New Roman (Arabic)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f43\froman\fcharset186\fprq2 Times New Roman Baltic;}{\f44\froman\fcharset163\fprq2 Times Ne</w:t>
      </w:r>
      <w:r w:rsidRPr="005B592D">
        <w:rPr>
          <w:rFonts w:ascii="Courier New" w:hAnsi="Courier New" w:cs="Courier New"/>
        </w:rPr>
        <w:t>w Roman (Vietnamese);}{\f46\fswiss\fcharset238\fprq2 Arial CE;}{\f47\fswiss\fcharset204\fprq2 Arial Cyr;}{\f49\fswiss\fcharset161\fprq2 Arial Greek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f50\fswiss\fcharset162\fprq2 Arial Tur;}{\f51\fswiss\fcharset177\fprq2 Arial (Hebrew);}{\f52\fswiss\fch</w:t>
      </w:r>
      <w:r w:rsidRPr="005B592D">
        <w:rPr>
          <w:rFonts w:ascii="Courier New" w:hAnsi="Courier New" w:cs="Courier New"/>
        </w:rPr>
        <w:t>arset178\fprq2 Arial (Arabic);}{\f53\fswiss\fcharset186\fprq2 Arial Baltic;}{\f54\fswiss\fcharset163\fprq2 Arial (Vietnamese)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f56\fmodern\fcharset238\fprq1 Courier New CE;}{\f57\fmodern\fcharset204\fprq1 Courier New Cyr;}{\f59\fmodern\fcharset161\fprq</w:t>
      </w:r>
      <w:r w:rsidRPr="005B592D">
        <w:rPr>
          <w:rFonts w:ascii="Courier New" w:hAnsi="Courier New" w:cs="Courier New"/>
        </w:rPr>
        <w:t>1 Courier New Greek;}{\f60\fmodern\fcharset162\fprq1 Courier New Tur;}{\f61\fmodern\fcharset177\fprq1 Courier New (Hebrew)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f62\fmodern\fcharset178\fprq1 Courier New (Arabic);}{\f63\fmodern\fcharset186\fprq1 Courier New Baltic;}{\f64\fmodern\fcharset16</w:t>
      </w:r>
      <w:r w:rsidRPr="005B592D">
        <w:rPr>
          <w:rFonts w:ascii="Courier New" w:hAnsi="Courier New" w:cs="Courier New"/>
        </w:rPr>
        <w:t>3\fprq1 Courier New (Vietnamese);}{\f76\fswiss\fcharset238\fprq2 Helvetica CE;}{\f77\fswiss\fcharset204\fprq2 Helvetica Cyr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f79\fswiss\fcharset161\fprq2 Helvetica Greek;}{\f80\fswiss\fcharset162\fprq2 Helvetica Tur;}{\f81\fswiss\fcharset177\fprq2 Helv</w:t>
      </w:r>
      <w:r w:rsidRPr="005B592D">
        <w:rPr>
          <w:rFonts w:ascii="Courier New" w:hAnsi="Courier New" w:cs="Courier New"/>
        </w:rPr>
        <w:t>etica (Hebrew);}{\f82\fswiss\fcharset178\fprq2 Helvetica (Arabic);}{\f83\fswiss\fcharset186\fprq2 Helvetica Baltic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f84\fswiss\fcharset163\fprq2 Helvetica (Vietnamese);}{\f386\fswiss\fcharset238\fprq2 Tahoma CE;}{\f387\fswiss\fcharset204\fprq2 Tahoma C</w:t>
      </w:r>
      <w:r w:rsidRPr="005B592D">
        <w:rPr>
          <w:rFonts w:ascii="Courier New" w:hAnsi="Courier New" w:cs="Courier New"/>
        </w:rPr>
        <w:t>yr;}{\f389\fswiss\fcharset161\fprq2 Tahoma Greek;}{\f390\fswiss\fcharset162\fprq2 Tahoma Tur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f391\fswiss\fcharset177\fprq2 Tahoma (Hebrew);}{\f392\fswiss\fcharset178\fprq2 Tahoma (Arabic);}{\f393\fswiss\fcharset186\fprq2 Tahoma Baltic;}{\f394\fswiss\f</w:t>
      </w:r>
      <w:r w:rsidRPr="005B592D">
        <w:rPr>
          <w:rFonts w:ascii="Courier New" w:hAnsi="Courier New" w:cs="Courier New"/>
        </w:rPr>
        <w:t>charset163\fprq2 Tahoma (Vietnamese);}{\f395\fswiss\fcharset222\fprq2 Tahoma (Thai);}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colortbl;\red0\green0\blue0;\red0\green0\blue255;\red0\green255\blue255;\red0\green255\blue0;\red255\green0\blue255;\red255\green0\blue0;\red255\green255\blue0;\red25</w:t>
      </w:r>
      <w:r w:rsidRPr="005B592D">
        <w:rPr>
          <w:rFonts w:ascii="Courier New" w:hAnsi="Courier New" w:cs="Courier New"/>
        </w:rPr>
        <w:t>5\green255\blue255;\red0\green0\blue128;\red0\green128\blue128;\red0\green128\blue0;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red128\green0\blue128;\red128\green0\blue0;\red128\green128\blue0;\red128\green128\blue128;\red192\green192\blue192;}{\stylesheet{\ql \li0\ri0\widctlpar\aspalpha\aspnum\</w:t>
      </w:r>
      <w:r w:rsidRPr="005B592D">
        <w:rPr>
          <w:rFonts w:ascii="Courier New" w:hAnsi="Courier New" w:cs="Courier New"/>
        </w:rPr>
        <w:t xml:space="preserve">faauto\adjustright\rin0\lin0\itap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lastRenderedPageBreak/>
        <w:t>\f1\fs24\lang2057\langfe1033\cgrid\langnp2057\langfenp1033 \snext0 Normal;}{\s1\ql \li0\ri0\keepn\widctlpar\aspalpha\aspnum\faauto\outlinelevel0\adjustright\rin0\lin0\itap0 \b\f1\fs24\ul\lang2057\langfe1033\cgrid\langnp</w:t>
      </w:r>
      <w:r w:rsidRPr="005B592D">
        <w:rPr>
          <w:rFonts w:ascii="Courier New" w:hAnsi="Courier New" w:cs="Courier New"/>
        </w:rPr>
        <w:t xml:space="preserve">2057\langfenp103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basedon0 \snext0 heading 1;}{\s2\ql \li0\ri0\keepn\widctlpar\aspalpha\aspnum\faauto\outlinelevel1\adjustright\rin0\lin0\itap0 \b\f1\fs24\lang2057\langfe1033\cgrid\langnp2057\langfenp1033 \sbasedon0 \snext0 heading 2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3\qj \li0\ri</w:t>
      </w:r>
      <w:r w:rsidRPr="005B592D">
        <w:rPr>
          <w:rFonts w:ascii="Courier New" w:hAnsi="Courier New" w:cs="Courier New"/>
        </w:rPr>
        <w:t>0\keepn\widctlpar\aspalpha\aspnum\faauto\outlinelevel2\adjustright\rin0\lin0\itap0 \b\f1\fs22\lang2057\langfe1033\cgrid\langnp2057\langfenp1033 \sbasedon0 \snext0 heading 3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4\ql \li0\ri0\keepn\widctlpar\aspalpha\aspnum\faauto\outlinelevel3\adjustrigh</w:t>
      </w:r>
      <w:r w:rsidRPr="005B592D">
        <w:rPr>
          <w:rFonts w:ascii="Courier New" w:hAnsi="Courier New" w:cs="Courier New"/>
        </w:rPr>
        <w:t>t\rin0\lin0\itap0 \f1\fs24\lang2057\langfe1033\cgrid\langnp2057\langfenp1033 \sbasedon0 \snext0 heading 4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5\ql \li0\ri0\keepn\widctlpar\aspalpha\aspnum\faauto\outlinelevel4\adjustright\rin0\lin0\itap0 \b\f1\fs24\lang2057\langfe1033\cgrid\langnp2057\l</w:t>
      </w:r>
      <w:r w:rsidRPr="005B592D">
        <w:rPr>
          <w:rFonts w:ascii="Courier New" w:hAnsi="Courier New" w:cs="Courier New"/>
        </w:rPr>
        <w:t>angfenp1033 \sbasedon0 \snext0 heading 5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6\qc \li0\ri0\keepn\widctlpar\aspalpha\aspnum\faauto\outlinelevel5\adjustright\rin0\lin0\itap0 \b\f1\fs22\lang2057\langfe1033\cgrid\langnp2057\langfenp1033 \sbasedon0 \snext0 heading 6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7\qc \li0\ri0\keep</w:t>
      </w:r>
      <w:r w:rsidRPr="005B592D">
        <w:rPr>
          <w:rFonts w:ascii="Courier New" w:hAnsi="Courier New" w:cs="Courier New"/>
        </w:rPr>
        <w:t>n\widctlpar\aspalpha\aspnum\faauto\outlinelevel6\adjustright\rin0\lin0\itap0 \b\f1\fs28\lang2057\langfe1033\cgrid\langnp2057\langfenp1033 \sbasedon0 \snext0 heading 7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8\ql \li0\ri0\keepn\widctlpar\aspalpha\aspnum\faauto\outlinelevel7\adjustright\rin0</w:t>
      </w:r>
      <w:r w:rsidRPr="005B592D">
        <w:rPr>
          <w:rFonts w:ascii="Courier New" w:hAnsi="Courier New" w:cs="Courier New"/>
        </w:rPr>
        <w:t>\lin0\itap0 \f1\fs24\cf1\lang2057\langfe1033\cgrid\langnp2057\langfenp1033 \sbasedon0 \snext0 heading 8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9\ql \li0\ri0\keepn\widctlpar\aspalpha\aspnum\faauto\outlinelevel8\adjustright\rin0\lin0\itap0 \f1\fs24\cf13\lang2057\langfe1033\cgrid\langnp2057\</w:t>
      </w:r>
      <w:r w:rsidRPr="005B592D">
        <w:rPr>
          <w:rFonts w:ascii="Courier New" w:hAnsi="Courier New" w:cs="Courier New"/>
        </w:rPr>
        <w:t>langfenp1033 \sbasedon0 \snext0 heading 9;}{\*\cs10 \additive \ssemihidden Default Paragraph Font;}{\*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srowd\trftsWidthB3\trpaddl108\trpaddr108\trpaddfl3\trpaddft3\trpaddfb3\trpaddfr3\tscellwidthfts0\tsvertalt\tsbrdrt\tsbrdrl\tsbrdrb\tsbrdrr\tsbrdr</w:t>
      </w:r>
      <w:r w:rsidRPr="005B592D">
        <w:rPr>
          <w:rFonts w:ascii="Courier New" w:hAnsi="Courier New" w:cs="Courier New"/>
        </w:rPr>
        <w:t xml:space="preserve">dgl\tsbrdrdgr\tsbrdrh\tsbrdrv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aspalpha\aspnum\faauto\adjustright\rin0\lin0\itap0 \fs20\lang1024\langfe1024\cgrid\langnp1024\langfenp1024 \snext11 \ssemihidden Normal Table;}{\s15\ql \li0\ri0\widctlpar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qc\tx4153\tqr\tx8306\aspalp</w:t>
      </w:r>
      <w:r w:rsidRPr="005B592D">
        <w:rPr>
          <w:rFonts w:ascii="Courier New" w:hAnsi="Courier New" w:cs="Courier New"/>
        </w:rPr>
        <w:t>ha\aspnum\faauto\adjustright\rin0\lin0\itap0 \f1\fs24\lang2057\langfe1033\cgrid\langnp2057\langfenp1033 \sbasedon0 \snext15 header;}{\s16\ql \li0\ri0\widctlpar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qc\tx4153\tqr\tx8306\aspalpha\aspnum\faauto\adjustright\rin0\lin0\itap0 \f1\fs24\lang2057\lan</w:t>
      </w:r>
      <w:r w:rsidRPr="005B592D">
        <w:rPr>
          <w:rFonts w:ascii="Courier New" w:hAnsi="Courier New" w:cs="Courier New"/>
        </w:rPr>
        <w:t xml:space="preserve">gfe1033\cgrid\langnp2057\langfenp1033 \sbasedon0 \snext16 footer;}{\s17\ql \li0\ri0\widctlpar\aspalpha\aspnum\faauto\adjustright\rin0\lin0\itap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b\f1\fs24\lang2057\langfe1033\cgrid\langnp2057\langfenp1033 \sbasedon0 \snext17 Body Text;}{\s18\qj \li0\ri0</w:t>
      </w:r>
      <w:r w:rsidRPr="005B592D">
        <w:rPr>
          <w:rFonts w:ascii="Courier New" w:hAnsi="Courier New" w:cs="Courier New"/>
        </w:rPr>
        <w:t xml:space="preserve">\widctlpar\aspalpha\aspnum\faauto\adjustright\rin0\lin0\itap0 \f1\fs24\lang2057\langfe1033\cgrid\langnp2057\langfenp1033 \sbasedon0 \snext18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ody Text 2;}{\s19\ql \li0\ri0\widctlpar\aspalpha\aspnum\faauto\adjustright\rin0\lin0\itap0 \f1\fs24\lang2057\lan</w:t>
      </w:r>
      <w:r w:rsidRPr="005B592D">
        <w:rPr>
          <w:rFonts w:ascii="Courier New" w:hAnsi="Courier New" w:cs="Courier New"/>
        </w:rPr>
        <w:t xml:space="preserve">gfe1033\cgrid\langnp2057\langfenp1033 \sbasedon0 \snext19 Body Text 3;}{\*\cs20 \additive \ul\cf2 \sbasedon10 Hyperlink;}{\*\cs21 \additive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ul\cf12 \sbasedon10 FollowedHyperlink;}{\s22\ql \fi-397\li1191\ri0\widctlpar\jclisttab\tx1191{\*\pn \pnlvlbody\il</w:t>
      </w:r>
      <w:r w:rsidRPr="005B592D">
        <w:rPr>
          <w:rFonts w:ascii="Courier New" w:hAnsi="Courier New" w:cs="Courier New"/>
        </w:rPr>
        <w:t xml:space="preserve">vl0\ls37\pnrnot0\pndec }\aspalpha\aspnum\faauto\ls37\adjustright\rin0\lin1191\itap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4\fs24\lang2057\langfe1033\cgrid\langnp2057\langfenp1033 \sbasedon0 \snext22 Bullet 2;}{\*\cs23 \additive \super \sbasedon10 \ssemihidden footnote reference;}{\s24\ql \</w:t>
      </w:r>
      <w:r w:rsidRPr="005B592D">
        <w:rPr>
          <w:rFonts w:ascii="Courier New" w:hAnsi="Courier New" w:cs="Courier New"/>
        </w:rPr>
        <w:t xml:space="preserve">li709\ri0\widctlpar\aspalpha\aspnum\faauto\adjustright\rin0\lin709\itap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1\fs24\lang2057\langfe1033\cgrid\langnp2057\langfenp1033 \sbasedon0 \snext24 \ssemihidden footnote text;}{\s25\ql \li0\ri0\widctlpar\aspalpha\aspnum\faauto\adjustright\rin0\lin0\i</w:t>
      </w:r>
      <w:r w:rsidRPr="005B592D">
        <w:rPr>
          <w:rFonts w:ascii="Courier New" w:hAnsi="Courier New" w:cs="Courier New"/>
        </w:rPr>
        <w:t xml:space="preserve">tap0 \f4\fs24\lang2057\langfe1033\cgrid\langnp2057\langfenp103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basedon18 \snext25 Table text;}{\s26\ql \li0\ri0\sb480\sa240\keepn\pagebb\widctlpar\aspalpha\aspnum\faauto\outlinelevel0\adjustright\rin0\lin0\itap0 \b\f4\fs36\lang2057\langfe1033\cgrid\la</w:t>
      </w:r>
      <w:r w:rsidRPr="005B592D">
        <w:rPr>
          <w:rFonts w:ascii="Courier New" w:hAnsi="Courier New" w:cs="Courier New"/>
        </w:rPr>
        <w:t>ngnp2057\langfenp1033 \sbasedon1 \snext26 Appendix heading;}{\*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s27 \additive \fs16 \sbasedon10 \ssemihidden annotation reference;}{\s28\ql \li0\ri0\widctlpar\aspalpha\aspnum\faauto\adjustright\rin0\lin0\itap0 \f1\fs24\lang2057\langfe1033\cgrid\langnp20</w:t>
      </w:r>
      <w:r w:rsidRPr="005B592D">
        <w:rPr>
          <w:rFonts w:ascii="Courier New" w:hAnsi="Courier New" w:cs="Courier New"/>
        </w:rPr>
        <w:t xml:space="preserve">57\langfenp1033 \sbasedon0 \snext28 \ssemihidden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nnotation text;}{\s29\qj \li720\ri0\widctlpar\aspalpha\aspnum\faauto\adjustright\rin0\lin720\itap0 \f1\fs24\cf1\lang1033\langfe1033\cgrid\langnp1033\langfenp1033 \sbasedon0 \snext29 Body Text Indent 2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30\qj \li709\ri0\widctlpar\aspalpha\aspnum\faauto\adjustright\rin0\lin709\itap0 \f1\fs24\cf1\lang1033\langfe1033\cgrid\langnp1033\langfenp1033 \sbasedon0 \snext30 Body Text Indent 3;}{\s31\ql \fi-2835\li3544\ri0\widctlpar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x709\tx3544\aspalpha\aspnum\</w:t>
      </w:r>
      <w:r w:rsidRPr="005B592D">
        <w:rPr>
          <w:rFonts w:ascii="Courier New" w:hAnsi="Courier New" w:cs="Courier New"/>
        </w:rPr>
        <w:t>faauto\adjustright\rin0\lin3544\itap0 \f1\fs20\lang2057\langfe1033\cgrid\langnp2057\langfenp1033 \sbasedon0 \snext31 MA_Requirement;}{\s32\ql \fi-360\li360\ri0\widctlpar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720\aspalpha\aspnum\faauto\ls51\adjustright\rin0\lin360\itap0 \f1\fs24\l</w:t>
      </w:r>
      <w:r w:rsidRPr="005B592D">
        <w:rPr>
          <w:rFonts w:ascii="Courier New" w:hAnsi="Courier New" w:cs="Courier New"/>
        </w:rPr>
        <w:t>ang2057\langfe1033\cgrid\langnp2057\langfenp1033 \sbasedon0 \snext32 List Number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33\qc \li33\ri0\sb160\sa120\nowidctlpar\aspalpha\aspnum\faauto\adjustright\rin0\lin33\itap0 \b\f4\fs20\lang2057\langfe1033\cgrid\langnp2057\langfenp1033 \sbasedon0 \snex</w:t>
      </w:r>
      <w:r w:rsidRPr="005B592D">
        <w:rPr>
          <w:rFonts w:ascii="Courier New" w:hAnsi="Courier New" w:cs="Courier New"/>
        </w:rPr>
        <w:t>t33 \sautoupd Table Head;}{\s34\ql \li0\ri0\sb40\sa40\sl-220\slmul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nowidctlpar\aspalpha\aspnum\faauto\adjustright\rin0\lin0\itap0 \f4\fs20\lang2057\langfe1033\cgrid\langnp2057\langfenp1033 \sbasedon0 \snext34 Table Text;}{\*\cs35 \additive \b \sbasedon</w:t>
      </w:r>
      <w:r w:rsidRPr="005B592D">
        <w:rPr>
          <w:rFonts w:ascii="Courier New" w:hAnsi="Courier New" w:cs="Courier New"/>
        </w:rPr>
        <w:t>10 \styrsid5193077 Strong;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s36\ql \li0\ri0\widctlpar\aspalpha\aspnum\faauto\adjustright\rin0\lin0\itap0 \f35\fs16\lang2057\langfe1033\cgrid\langnp2057\langfenp1033 \sbasedon0 \snext36 \ssemihidden \styrsid8072750 Balloon Text;}{\*\ts37\tsrowd\trbrdrt\b</w:t>
      </w:r>
      <w:r w:rsidRPr="005B592D">
        <w:rPr>
          <w:rFonts w:ascii="Courier New" w:hAnsi="Courier New" w:cs="Courier New"/>
        </w:rPr>
        <w:t>rdrs\brdrw10 \trbrdr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brdrs\brdrw10 \trbrdrb\brdrs\brdrw10 \trbrdrr\brdrs\brdrw10 \trbrdrh\brdrs\brdrw10 \trbrdrv\brdrs\brdrw1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rftsWidthB3\trpaddl108\trpaddr108\trpaddfl3\trpaddft3\trpaddfb3\trpaddfr3\tscellwidthfts0\tsvertalt\tsbrdrt\tsbrdrl\tsbrdr</w:t>
      </w:r>
      <w:r w:rsidRPr="005B592D">
        <w:rPr>
          <w:rFonts w:ascii="Courier New" w:hAnsi="Courier New" w:cs="Courier New"/>
        </w:rPr>
        <w:t xml:space="preserve">b\tsbrdrr\tsbrdrdgl\tsbrdrdgr\tsbrdrh\tsbrdrv \ql \li0\ri0\widctlpar\aspalpha\aspnum\faauto\adjustright\rin0\lin0\itap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1\fs20\lang1024\langfe1024\cgrid\langnp1024\langfenp1024 \sbasedon11 \snext37 \styrsid852570 Table Grid;}}{\*\listtable{\list\listte</w:t>
      </w:r>
      <w:r w:rsidRPr="005B592D">
        <w:rPr>
          <w:rFonts w:ascii="Courier New" w:hAnsi="Courier New" w:cs="Courier New"/>
        </w:rPr>
        <w:t>mplateid809920180\listsimple{\listlevel\levelnfc0\levelnfcn0\leveljc0\leveljcn0\levelfollow0\lev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'02\'00.;}{\levelnumbers\'01;}\fi-360\li360\jclisttab\tx360\lin360 }{\listname ;}\listid-120}{\list\listtemplat</w:t>
      </w:r>
      <w:r w:rsidRPr="005B592D">
        <w:rPr>
          <w:rFonts w:ascii="Courier New" w:hAnsi="Courier New" w:cs="Courier New"/>
        </w:rPr>
        <w:t>eid-1741003442\listhybrid{\listlevel\levelnfc23\levelnfcn23\leveljc0\leveljcn0\levelfollow0\levelstartat1\levelspace3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689\'01\u-3913 ?;}{\levelnumbers;}\f3\fbias0 \fi-360\li720\jclisttab\tx720\lin720 }{\listl</w:t>
      </w:r>
      <w:r w:rsidRPr="005B592D">
        <w:rPr>
          <w:rFonts w:ascii="Courier New" w:hAnsi="Courier New" w:cs="Courier New"/>
        </w:rPr>
        <w:t>evel\levelnfc23\levelnfcn23\leveljc0\leveljcn0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fi-360\li1440\jclisttab\tx1440\lin1440 }{\listlevel\levelnfc23\levelnfcn23\leveljc0\</w:t>
      </w:r>
      <w:r w:rsidRPr="005B592D">
        <w:rPr>
          <w:rFonts w:ascii="Courier New" w:hAnsi="Courier New" w:cs="Courier New"/>
        </w:rPr>
        <w:t>leveljcn0\levelfollow0\levelstartat1\levelspace360\levelindent0{\leveltext\lev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2160\jclisttab\tx2160\lin2160 }{\listlevel\levelnfc23\levelnfcn23\leveljc0\leveljcn0\levelfollow0\level</w:t>
      </w:r>
      <w:r w:rsidRPr="005B592D">
        <w:rPr>
          <w:rFonts w:ascii="Courier New" w:hAnsi="Courier New" w:cs="Courier New"/>
        </w:rPr>
        <w:t>startat1\levelspace360\levelindent0{\leveltext\leveltemplateid67698689\'01\u-3913 ?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f3\fbias0 \fi-360\li2880\jclisttab\tx2880\lin2880 }{\listlevel\levelnfc23\levelnfcn23\leveljc0\leveljcn0\levelfollow0\levelstartat1\levelspace360\leveli</w:t>
      </w:r>
      <w:r w:rsidRPr="005B592D">
        <w:rPr>
          <w:rFonts w:ascii="Courier New" w:hAnsi="Courier New" w:cs="Courier New"/>
        </w:rPr>
        <w:t>ndent0{\leveltext\leveltemplateid67698691\'01o;}{\levelnumbers;}\f2\fbias0 \fi-360\li36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3600\lin3600 }{\listlevel\levelnfc23\levelnfcn23\leveljc0\leveljcn0\levelfollow0\levelstartat1\levelspace360\levelindent0{\leveltext\leveltemplateid6769</w:t>
      </w:r>
      <w:r w:rsidRPr="005B592D">
        <w:rPr>
          <w:rFonts w:ascii="Courier New" w:hAnsi="Courier New" w:cs="Courier New"/>
        </w:rPr>
        <w:t>8693\'01\u-3929 ?;}{\levelnumbers;}\f10\fbias0 \fi-360\li4320\jclisttab\tx4320\lin432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eljc0\leveljcn0\levelfollow0\levelstartat1\levelspace360\levelindent0{\leveltext\leveltemplateid67698689\'01\u-3913 ?;}{\levelnu</w:t>
      </w:r>
      <w:r w:rsidRPr="005B592D">
        <w:rPr>
          <w:rFonts w:ascii="Courier New" w:hAnsi="Courier New" w:cs="Courier New"/>
        </w:rPr>
        <w:t>mbers;}\f3\fbias0 \fi-360\li5040\jclisttab\tx5040\lin5040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360\levelindent0{\leveltext\leveltemplateid67698691\'01o;}{\levelnumbers;}\f2\fbias0 \fi-360\li5760\jcli</w:t>
      </w:r>
      <w:r w:rsidRPr="005B592D">
        <w:rPr>
          <w:rFonts w:ascii="Courier New" w:hAnsi="Courier New" w:cs="Courier New"/>
        </w:rPr>
        <w:t>sttab\tx5760\lin576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693\'01\u-3929 ?;}{\levelnumbers;}\f10\fbias0 \fi-360\li6480\jclisttab\tx6480\lin6480 }{\list</w:t>
      </w:r>
      <w:r w:rsidRPr="005B592D">
        <w:rPr>
          <w:rFonts w:ascii="Courier New" w:hAnsi="Courier New" w:cs="Courier New"/>
        </w:rPr>
        <w:t>name ;}\listid27875151}{\list\listtemplateid1499470026\listhybrid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3\levelnfcn23\leveljc0\leveljcn0\levelfollow0\levelstartat1\levelspace360\levelindent0{\leveltext\leveltemplateid67698689\'01\u-3913 ?;}{\levelnumbers;}\f3\fbias0 \fi-3</w:t>
      </w:r>
      <w:r w:rsidRPr="005B592D">
        <w:rPr>
          <w:rFonts w:ascii="Courier New" w:hAnsi="Courier New" w:cs="Courier New"/>
        </w:rPr>
        <w:t>60\li720\jclisttab\tx720\lin720 }{\listlevel\levelnfc23\levelnfcn23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space360\levelindent0{\leveltext\leveltemplateid67698691\'01o;}{\levelnumbers;}\f2\fbias0 \fi-360\li1440\jclisttab\tx1440\lin1440 }{\li</w:t>
      </w:r>
      <w:r w:rsidRPr="005B592D">
        <w:rPr>
          <w:rFonts w:ascii="Courier New" w:hAnsi="Courier New" w:cs="Courier New"/>
        </w:rPr>
        <w:t>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93\'01\u-3929 ?;}{\levelnumbers;}\f10\fbias0 \fi-360\li2160\jclisttab\tx2160\lin2160 }{\listlevel\levelnfc23\levelnfcn</w:t>
      </w:r>
      <w:r w:rsidRPr="005B592D">
        <w:rPr>
          <w:rFonts w:ascii="Courier New" w:hAnsi="Courier New" w:cs="Courier New"/>
        </w:rPr>
        <w:t>23\leveljc0\leveljcn0\levelfollow0\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89\'01\u-3913 ?;}{\levelnumbers;}\f3\fbias0 \fi-360\li2880\jclisttab\tx2880\lin2880 }{\listlevel\levelnfc23\levelnfcn23\leveljc0\leveljcn0\levelfo</w:t>
      </w:r>
      <w:r w:rsidRPr="005B592D">
        <w:rPr>
          <w:rFonts w:ascii="Courier New" w:hAnsi="Courier New" w:cs="Courier New"/>
        </w:rPr>
        <w:t>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fi-360\li3600\jclisttab\tx3600\lin3600 }{\listlevel\levelnfc23\levelnfcn23\leveljc0\leveljcn0\levelfollow0\levelstartat1\levelspace360\lev</w:t>
      </w:r>
      <w:r w:rsidRPr="005B592D">
        <w:rPr>
          <w:rFonts w:ascii="Courier New" w:hAnsi="Courier New" w:cs="Courier New"/>
        </w:rPr>
        <w:t>elindent0{\leveltext\lev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4320\jclisttab\tx4320\lin4320 }{\listlevel\levelnfc23\levelnfcn23\leveljc0\leveljcn0\levelfollow0\levelstartat1\levelspace360\levelindent0{\leveltext\levelte</w:t>
      </w:r>
      <w:r w:rsidRPr="005B592D">
        <w:rPr>
          <w:rFonts w:ascii="Courier New" w:hAnsi="Courier New" w:cs="Courier New"/>
        </w:rPr>
        <w:t>mplateid67698689\'01\u-3913 ?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f3\fbias0 \fi-360\li5040\jclisttab\tx5040\lin5040 }{\listlevel\levelnfc23\levelnfcn23\leveljc0\leveljcn0\levelfollow0\levelstartat1\levelspace360\levelindent0{\leveltext\leveltemplateid67698691\'01o;}{\leve</w:t>
      </w:r>
      <w:r w:rsidRPr="005B592D">
        <w:rPr>
          <w:rFonts w:ascii="Courier New" w:hAnsi="Courier New" w:cs="Courier New"/>
        </w:rPr>
        <w:t>lnumbers;}\f2\fbias0 \fi-360\li57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5760\lin5760 }{\listlevel\levelnfc23\levelnfcn23\leveljc0\leveljcn0\levelfollow0\levelstartat1\levelspace360\levelindent0{\leveltext\leveltemplateid67698693\'01\u-3929 ?;}{\levelnumbers;}\f10\fbias0 \fi-360</w:t>
      </w:r>
      <w:r w:rsidRPr="005B592D">
        <w:rPr>
          <w:rFonts w:ascii="Courier New" w:hAnsi="Courier New" w:cs="Courier New"/>
        </w:rPr>
        <w:t>\li6480\jclisttab\tx6480\lin648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name ;}\listid30694713}{\list\listtemplateid46826122\listhybrid{\listlevel\levelnfc0\levelnfcn0\leveljc0\leveljcn0\levelfollow0\levelstartat7\levelspace0\levelindent0{\leveltext\leveltemplateid-203768424\'02\'00.;}</w:t>
      </w:r>
      <w:r w:rsidRPr="005B592D">
        <w:rPr>
          <w:rFonts w:ascii="Courier New" w:hAnsi="Courier New" w:cs="Courier New"/>
        </w:rPr>
        <w:t xml:space="preserve">{\levelnumbers\'01;}\b\i0\fbias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360\li720\jclisttab\tx720\lin720 }{\listlevel\levelnfc4\levelnfcn4\leveljc0\leveljcn0\levelfollow0\levelstartat1\levelspace0\levelindent0{\leveltext\leveltemplateid67698713\'02\'01.;}{\levelnumbers\'01;}\fi-360\li1440</w:t>
      </w:r>
      <w:r w:rsidRPr="005B592D">
        <w:rPr>
          <w:rFonts w:ascii="Courier New" w:hAnsi="Courier New" w:cs="Courier New"/>
        </w:rPr>
        <w:t>\jclisttab\tx1440\lin144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\levelnfcn2\leveljc2\leveljcn2\levelfollow0\levelstartat1\levelspace0\levelindent0{\leveltext\leveltemplateid67698715\'02\'02.;}{\levelnumbers\'01;}\fi-180\li2160\jclisttab\tx2160\lin2160 }{\listlevel\level</w:t>
      </w:r>
      <w:r w:rsidRPr="005B592D">
        <w:rPr>
          <w:rFonts w:ascii="Courier New" w:hAnsi="Courier New" w:cs="Courier New"/>
        </w:rPr>
        <w:t>nfc0\levelnfcn0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space0\levelindent0{\leveltext\leveltemplateid67698703\'02\'03.;}{\levelnumbers\'01;}\fi-360\li2880\jclisttab\tx2880\lin2880 }{\listlevel\levelnfc4\levelnfcn4\leveljc0\leveljcn0\levelfoll</w:t>
      </w:r>
      <w:r w:rsidRPr="005B592D">
        <w:rPr>
          <w:rFonts w:ascii="Courier New" w:hAnsi="Courier New" w:cs="Courier New"/>
        </w:rPr>
        <w:t>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leveltemplateid67698713\'02\'04.;}{\levelnumbers\'01;}\fi-360\li3600\jclisttab\tx3600\lin3600 }{\listlevel\levelnfc2\levelnfcn2\leveljc2\leveljcn2\levelfollow0\levelstartat1\levelspace0\levelindent0{\</w:t>
      </w:r>
      <w:r w:rsidRPr="005B592D">
        <w:rPr>
          <w:rFonts w:ascii="Courier New" w:hAnsi="Courier New" w:cs="Courier New"/>
        </w:rPr>
        <w:t>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5\'02\'05.;}{\levelnumbers\'01;}\fi-180\li4320\jclisttab\tx4320\lin4320 }{\listlevel\levelnfc0\levelnfcn0\leveljc0\leveljcn0\levelfollow0\levelstartat1\levelspace0\levelindent0{\leveltext\leveltemplateid6769870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6.</w:t>
      </w:r>
      <w:r w:rsidRPr="005B592D">
        <w:rPr>
          <w:rFonts w:ascii="Courier New" w:hAnsi="Courier New" w:cs="Courier New"/>
        </w:rPr>
        <w:t>;}{\levelnumbers\'01;}\fi-360\li5040\jclisttab\tx5040\lin5040 }{\listlevel\levelnfc4\levelnfcn4\leveljc0\leveljcn0\levelfollow0\levelstartat1\levelspace0\levelindent0{\leveltext\leveltemplateid67698713\'02\'07.;}{\levelnumbers\'01;}\fi-360\li57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</w:t>
      </w:r>
      <w:r w:rsidRPr="005B592D">
        <w:rPr>
          <w:rFonts w:ascii="Courier New" w:hAnsi="Courier New" w:cs="Courier New"/>
        </w:rPr>
        <w:t xml:space="preserve">ab\tx5760\lin5760 }{\listlevel\levelnfc2\levelnfcn2\leveljc2\leveljcn2\levelfollow0\levelstartat1\levelspace0\levelindent0{\leveltext\leveltemplateid67698715\'02\'08.;}{\levelnumbers\'01;}\fi-180\li6480\jclisttab\tx6480\lin6480 }{\listname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listid15060</w:t>
      </w:r>
      <w:r w:rsidRPr="005B592D">
        <w:rPr>
          <w:rFonts w:ascii="Courier New" w:hAnsi="Courier New" w:cs="Courier New"/>
        </w:rPr>
        <w:t>5527}{\list\listtemplateid-1095070602\listsimple{\listlevel\levelnfc23\levelnfcn23\leveljc0\leveljcn0\levelfollow0\levelstartat8\levelspace0\levelindent0{\leveltext\'01\u-3913 ?;}{\levelnumbers;}\f3\fbias0 \fi-360\li3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360\lin360 }{\listname</w:t>
      </w:r>
      <w:r w:rsidRPr="005B592D">
        <w:rPr>
          <w:rFonts w:ascii="Courier New" w:hAnsi="Courier New" w:cs="Courier New"/>
        </w:rPr>
        <w:t xml:space="preserve"> ;}\listid156042255}{\list\listtemplateid1659032850\listhybrid{\listlevel\levelnfc23\levelnfcn23\leveljc0\leveljcn0\levelfollow0\levelstartat1\levelspace360\levelindent0{\leveltext\leveltemplateid6769868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13 ?;}{\levelnumbers;}\f3\fbias0 \fi-360\</w:t>
      </w:r>
      <w:r w:rsidRPr="005B592D">
        <w:rPr>
          <w:rFonts w:ascii="Courier New" w:hAnsi="Courier New" w:cs="Courier New"/>
        </w:rPr>
        <w:t>li720\jclisttab\tx720\lin720 }{\listlevel\levelnfc23\levelnfcn23\leveljc0\leveljcn0\levelfollow0\levelstartat1\levelspace360\levelindent0{\leveltext\leveltemplateid67698691\'01o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2\fbias0 \fi-360\li1440\jclisttab\tx1440\lin1440 }{\listl</w:t>
      </w:r>
      <w:r w:rsidRPr="005B592D">
        <w:rPr>
          <w:rFonts w:ascii="Courier New" w:hAnsi="Courier New" w:cs="Courier New"/>
        </w:rPr>
        <w:t>evel\levelnfc2\levelnfcn2\leveljc2\leveljcn2\levelfollow0\levelstartat1\levelspace0\levelindent0{\leveltext\leveltemplateid67698715\'02\'02.;}{\levelnumbers\'01;}\fi-180\li21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2160\lin2160 }{\listlevel\levelnfc0\levelnfcn0\leveljc0\leveljcn0</w:t>
      </w:r>
      <w:r w:rsidRPr="005B592D">
        <w:rPr>
          <w:rFonts w:ascii="Courier New" w:hAnsi="Courier New" w:cs="Courier New"/>
        </w:rPr>
        <w:t>\levelfollow0\levelstartat1\levelspace0\levelindent0{\leveltext\leveltemplateid67698703\'02\'03.;}{\levelnumbers\'01;}\fi-360\li2880\jclisttab\tx2880\lin288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4\levelnfcn4\leveljc0\leveljcn0\levelfollow0\levelstartat1\levelspace0\leve</w:t>
      </w:r>
      <w:r w:rsidRPr="005B592D">
        <w:rPr>
          <w:rFonts w:ascii="Courier New" w:hAnsi="Courier New" w:cs="Courier New"/>
        </w:rPr>
        <w:t>lindent0{\leveltext\leveltemplateid67698713\'02\'04.;}{\levelnumbers\'01;}\fi-360\li3600\jclisttab\tx3600\lin3600 }{\listlevel\levelnfc2\levelnfcn2\leveljc2\leveljcn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715\</w:t>
      </w:r>
      <w:r w:rsidRPr="005B592D">
        <w:rPr>
          <w:rFonts w:ascii="Courier New" w:hAnsi="Courier New" w:cs="Courier New"/>
        </w:rPr>
        <w:t>'02\'05.;}{\levelnumbers\'01;}\fi-180\li4320\jclisttab\tx4320\lin4320 }{\listlevel\levelnfc0\levelnfcn0\leveljc0\leveljcn0\levelfollow0\lev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03\'02\'06.;}{\levelnumbers\'01;}\fi-360\li5040</w:t>
      </w:r>
      <w:r w:rsidRPr="005B592D">
        <w:rPr>
          <w:rFonts w:ascii="Courier New" w:hAnsi="Courier New" w:cs="Courier New"/>
        </w:rPr>
        <w:t>\jclisttab\tx5040\lin5040 }{\listlevel\levelnfc4\levelnfcn4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3\'02\'07.;}{\levelnumbers\'01;}\fi-360\li5760\jclisttab\tx5760\lin5760 }{\listlevel\level</w:t>
      </w:r>
      <w:r w:rsidRPr="005B592D">
        <w:rPr>
          <w:rFonts w:ascii="Courier New" w:hAnsi="Courier New" w:cs="Courier New"/>
        </w:rPr>
        <w:t>nfc2\levelnfcn2\leveljc2\leveljcn2\levelfollow0\levelstartat1\levelspace0\levelindent0{\leveltext\leveltemplateid6769871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8.;}{\levelnumbers\'01;}\fi-180\li6480\jclisttab\tx6480\lin6480 }{\listname ;}\listid174392360}{\list\listtemplateid-31801066\</w:t>
      </w:r>
      <w:r w:rsidRPr="005B592D">
        <w:rPr>
          <w:rFonts w:ascii="Courier New" w:hAnsi="Courier New" w:cs="Courier New"/>
        </w:rPr>
        <w:t>listhybrid{\listlevel\levelnfc0\levelnfcn0\leveljc0\leveljcn0\lev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-1454623184\'02\'00.;}{\levelnumbers\'01;}\fbias0 \fi-360\li720\jclisttab\tx720\lin720 }{\listlevel\levelnfc4\leve</w:t>
      </w:r>
      <w:r w:rsidRPr="005B592D">
        <w:rPr>
          <w:rFonts w:ascii="Courier New" w:hAnsi="Courier New" w:cs="Courier New"/>
        </w:rPr>
        <w:t>lnfcn4\leveljc0\leveljcn0\levelfollow0\levelstartat1\levelspace0\levelindent0{\leveltext\leveltemplateid676987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1.;}{\levelnumbers\'01;}\fi-360\li1440\jclisttab\tx1440\lin1440 }{\listlevel\levelnfc2\levelnfcn2\leveljc2\leveljcn2\levelfollow0\level</w:t>
      </w:r>
      <w:r w:rsidRPr="005B592D">
        <w:rPr>
          <w:rFonts w:ascii="Courier New" w:hAnsi="Courier New" w:cs="Courier New"/>
        </w:rPr>
        <w:t>startat1\levelspace0\levelindent0{\leveltext\leveltemplateid67698715\'02\'02.;}{\levelnumbers\'01;}\fi-180\li21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2160\lin2160 }{\listlevel\levelnfc0\levelnfcn0\leveljc0\leveljcn0\levelfollow0\levelstartat1\levelspace0\levelindent0{\leveltext</w:t>
      </w:r>
      <w:r w:rsidRPr="005B592D">
        <w:rPr>
          <w:rFonts w:ascii="Courier New" w:hAnsi="Courier New" w:cs="Courier New"/>
        </w:rPr>
        <w:t>\leveltemplateid67698703\'02\'03.;}{\levelnumbers\'01;}\fi-360\li2880\jclisttab\tx2880\lin288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4\levelnfcn4\leveljc0\leveljcn0\levelfollow0\levelstartat1\levelspace0\levelindent0{\leveltext\leveltemplateid67698713\'02\'04.;}{\levelnu</w:t>
      </w:r>
      <w:r w:rsidRPr="005B592D">
        <w:rPr>
          <w:rFonts w:ascii="Courier New" w:hAnsi="Courier New" w:cs="Courier New"/>
        </w:rPr>
        <w:t>mbers\'01;}\fi-360\li3600\jclisttab\tx3600\lin3600 }{\listlevel\levelnfc2\levelnfcn2\leveljc2\leveljcn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715\'02\'05.;}{\levelnumbers\'01;}\fi-180\li4320\jclisttab\tx4320\l</w:t>
      </w:r>
      <w:r w:rsidRPr="005B592D">
        <w:rPr>
          <w:rFonts w:ascii="Courier New" w:hAnsi="Courier New" w:cs="Courier New"/>
        </w:rPr>
        <w:t>in4320 }{\listlevel\levelnfc0\levelnfcn0\leveljc0\leveljcn0\levelfollow0\lev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03\'02\'06.;}{\levelnumbers\'01;}\fi-360\li5040\jclisttab\tx5040\lin5040 }{\listlevel\levelnfc4\levelnfcn4\lev</w:t>
      </w:r>
      <w:r w:rsidRPr="005B592D">
        <w:rPr>
          <w:rFonts w:ascii="Courier New" w:hAnsi="Courier New" w:cs="Courier New"/>
        </w:rPr>
        <w:t>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3\'02\'07.;}{\levelnumbers\'01;}\fi-360\li5760\jclisttab\tx5760\lin5760 }{\listlevel\levelnfc2\levelnfcn2\leveljc2\leveljcn2\levelfollow0\levelstartat1\l</w:t>
      </w:r>
      <w:r w:rsidRPr="005B592D">
        <w:rPr>
          <w:rFonts w:ascii="Courier New" w:hAnsi="Courier New" w:cs="Courier New"/>
        </w:rPr>
        <w:t>evelspace0\levelindent0{\leveltext\leveltemplateid6769871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8.;}{\levelnumbers\'01;}\fi-180\li6480\jclisttab\tx6480\lin6480 }{\listname ;}\listid275062598}{\list\listtemplateid-1658669838\listsimple{\listlevel\levelnfc23\levelnfcn23\leveljc0\leveljc</w:t>
      </w:r>
      <w:r w:rsidRPr="005B592D">
        <w:rPr>
          <w:rFonts w:ascii="Courier New" w:hAnsi="Courier New" w:cs="Courier New"/>
        </w:rPr>
        <w:t>n0\lev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'01\u-3913 ?;}{\levelnumbers;}\caps0\f3\fbias0 \s22\fi-397\li1191\jclisttab\tx1191\lin1191 }{\listname ;}\listid298731242}{\list\listtemplateid134807567\listsimple{\listlevel\levelnfc0\lev</w:t>
      </w:r>
      <w:r w:rsidRPr="005B592D">
        <w:rPr>
          <w:rFonts w:ascii="Courier New" w:hAnsi="Courier New" w:cs="Courier New"/>
        </w:rPr>
        <w:t>elnfcn0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'02\'00.;}{\levelnumbers\'01;}\fi-360\li360\jclisttab\tx360\lin360 }{\listname ;}\listid324166089}{\list\listtemplateid-444535896\listhybrid{\listlevel\levelnfc23\l</w:t>
      </w:r>
      <w:r w:rsidRPr="005B592D">
        <w:rPr>
          <w:rFonts w:ascii="Courier New" w:hAnsi="Courier New" w:cs="Courier New"/>
        </w:rPr>
        <w:t>evelnfcn23\leveljc0\leveljcn0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rtat1\levelspace360\levelindent0{\leveltext\leveltemplateid67698689\'01\u-3913 ?;}{\levelnumbers;}\f3\fbias0 \fi-360\li787\jclisttab\tx787\lin787 }{\listlevel\levelnfc23\levelnfcn23\leveljc0\leveljcn0\le</w:t>
      </w:r>
      <w:r w:rsidRPr="005B592D">
        <w:rPr>
          <w:rFonts w:ascii="Courier New" w:hAnsi="Courier New" w:cs="Courier New"/>
        </w:rPr>
        <w:t>velfollow0\levelstartat1\levelspace3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691\'01o;}{\levelnumbers;}\f2\fbias0 \fi-360\li1507\jclisttab\tx1507\lin1507 }{\listlevel\levelnfc23\levelnfcn23\leveljc0\leveljcn0\levelfollow0\levelstartat1\levelspace36</w:t>
      </w:r>
      <w:r w:rsidRPr="005B592D">
        <w:rPr>
          <w:rFonts w:ascii="Courier New" w:hAnsi="Courier New" w:cs="Courier New"/>
        </w:rPr>
        <w:t>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3\'01\u-3929 ?;}{\levelnumbers;}\f10\fbias0 \fi-360\li2227\jclisttab\tx2227\lin2227 }{\listlevel\levelnfc23\levelnfcn23\leveljc0\leveljcn0\levelfollow0\levelstartat1\levelspace360\levelindent0{\leveltext\le</w:t>
      </w:r>
      <w:r w:rsidRPr="005B592D">
        <w:rPr>
          <w:rFonts w:ascii="Courier New" w:hAnsi="Courier New" w:cs="Courier New"/>
        </w:rPr>
        <w:t>veltemplateid6769868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13 ?;}{\levelnumbers;}\f3\fbias0 \fi-360\li2947\jclisttab\tx2947\lin2947 }{\listlevel\levelnfc23\levelnfcn23\leveljc0\leveljcn0\levelfollow0\levelstartat1\levelspace360\levelindent0{\leveltext\leveltemplateid67698691\'01o;}{</w:t>
      </w:r>
      <w:r w:rsidRPr="005B592D">
        <w:rPr>
          <w:rFonts w:ascii="Courier New" w:hAnsi="Courier New" w:cs="Courier New"/>
        </w:rPr>
        <w:t>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2\fbias0 \fi-360\li3667\jclisttab\tx3667\lin3667 }{\listlevel\levelnfc23\levelnfcn23\leveljc0\leveljcn0\levelfollow0\levelstartat1\levelspace360\levelindent0{\leveltext\leveltemplateid67698693\'01\u-3929 ?;}{\levelnumbers;}\f10\fbias0 \f</w:t>
      </w:r>
      <w:r w:rsidRPr="005B592D">
        <w:rPr>
          <w:rFonts w:ascii="Courier New" w:hAnsi="Courier New" w:cs="Courier New"/>
        </w:rPr>
        <w:t>i-360\li438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4387\lin4387 }{\listlevel\levelnfc23\levelnfcn23\leveljc0\leveljcn0\levelfollow0\levelstartat1\levelspace360\levelindent0{\leveltext\leveltemplateid67698689\'01\u-3913 ?;}{\levelnumbers;}\f3\fbias0 \fi-360\li5107\jclisttab\tx5107</w:t>
      </w:r>
      <w:r w:rsidRPr="005B592D">
        <w:rPr>
          <w:rFonts w:ascii="Courier New" w:hAnsi="Courier New" w:cs="Courier New"/>
        </w:rPr>
        <w:t>\lin5107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eljc0\leveljcn0\levelfollow0\levelstartat1\levelspace360\levelindent0{\leveltext\leveltemplateid67698691\'01o;}{\levelnumbers;}\f2\fbias0 \fi-360\li5827\jclisttab\tx5827\lin5827 }{\listlevel\levelnfc23\leve</w:t>
      </w:r>
      <w:r w:rsidRPr="005B592D">
        <w:rPr>
          <w:rFonts w:ascii="Courier New" w:hAnsi="Courier New" w:cs="Courier New"/>
        </w:rPr>
        <w:t>lnfcn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360\levelindent0{\leveltext\leveltemplateid67698693\'01\u-3929 ?;}{\levelnumbers;}\f10\fbias0 \fi-360\li6547\jclisttab\tx6547\lin6547 }{\listname ;}\listid376704463}{\list\listtemplateid1136</w:t>
      </w:r>
      <w:r w:rsidRPr="005B592D">
        <w:rPr>
          <w:rFonts w:ascii="Courier New" w:hAnsi="Courier New" w:cs="Courier New"/>
        </w:rPr>
        <w:t>53262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lfollow0\levelstartat1\levelspace0\levelindent0{\leveltext\'03\'00.0;}{\levelnumbers\'01;}\fbias0 \fi-720\li720\jclisttab\tx720\lin720 }{\listlevel\levelnfc0\levelnfcn0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</w:t>
      </w:r>
      <w:r w:rsidRPr="005B592D">
        <w:rPr>
          <w:rFonts w:ascii="Courier New" w:hAnsi="Courier New" w:cs="Courier New"/>
        </w:rPr>
        <w:t>velfollow0\levelstartat1\levelspace0\levelindent0{\leveltext\'03\'00.\'01;}{\levelnumbers\'01\'03;}\fbias0 \fi-720\li1440\jclisttab\tx1440\lin1440 }{\listlevel\levelnfc0\levelnfcn0\leveljc0\leveljcn0\lev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</w:t>
      </w:r>
      <w:r w:rsidRPr="005B592D">
        <w:rPr>
          <w:rFonts w:ascii="Courier New" w:hAnsi="Courier New" w:cs="Courier New"/>
        </w:rPr>
        <w:t>eveltext\'05\'00.\'01.\'02;}{\levelnumbers\'01\'03\'05;}\fbias0 \fi-720\li2160\jclisttab\tx2160\lin2160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7\'00.\'01.\'02.\'03;}{\levelnum</w:t>
      </w:r>
      <w:r w:rsidRPr="005B592D">
        <w:rPr>
          <w:rFonts w:ascii="Courier New" w:hAnsi="Courier New" w:cs="Courier New"/>
        </w:rPr>
        <w:t>bers\'01\'03\'05\'07;}\fbias0 \fi-1080\li3240\jclisttab\tx3240\lin3240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9\'00.\'01.\'02.\'03.\'04;}{\levelnumbers\'01\'03\'05\'07\'09;}\f</w:t>
      </w:r>
      <w:r w:rsidRPr="005B592D">
        <w:rPr>
          <w:rFonts w:ascii="Courier New" w:hAnsi="Courier New" w:cs="Courier New"/>
        </w:rPr>
        <w:t>bias0 \fi-1080\li3960\jclisttab\tx3960\lin3960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b\'00.\'01.\'02.\'03.\'04.\'05;}{\levelnumbers\'01\'03\'05\'07\'09\'0b;}\fbias0 \fi-1440\</w:t>
      </w:r>
      <w:r w:rsidRPr="005B592D">
        <w:rPr>
          <w:rFonts w:ascii="Courier New" w:hAnsi="Courier New" w:cs="Courier New"/>
        </w:rPr>
        <w:t>li5040\jclisttab\tx5040\lin5040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d\'00.\'01.\'02.\'03.\'04.\'05.\'06;}{\levelnumbers\'01\'03\'05\'07\'09\'0b\'0d;}\fbias0 \fi-1440\li5760</w:t>
      </w:r>
      <w:r w:rsidRPr="005B592D">
        <w:rPr>
          <w:rFonts w:ascii="Courier New" w:hAnsi="Courier New" w:cs="Courier New"/>
        </w:rPr>
        <w:t>\jclisttab\tx5760\lin5760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f\'00.\'01.\'02.\'03.\'04.\'05.\'06.\'07;}{\levelnumbers\'01\'03\'05\'07\'09\'0b\'0d\'0f;}\fbias0 \fi-1800\li6</w:t>
      </w:r>
      <w:r w:rsidRPr="005B592D">
        <w:rPr>
          <w:rFonts w:ascii="Courier New" w:hAnsi="Courier New" w:cs="Courier New"/>
        </w:rPr>
        <w:t>840\jclisttab\tx6840\lin6840 }{\listlevel\levelnfc0\levelnfcn0\leveljc0\leveljcn0\lev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{\leveltext\'11\'00.\'01.\'02.\'03.\'04.\'05.\'06.\'07.\'08;}{\levelnumbers\'01\'03\'05\'07\'09\'0b\'0d\'0f\'11;}\fbias0 </w:t>
      </w:r>
      <w:r w:rsidRPr="005B592D">
        <w:rPr>
          <w:rFonts w:ascii="Courier New" w:hAnsi="Courier New" w:cs="Courier New"/>
        </w:rPr>
        <w:t>\fi-1800\li7560\jclisttab\tx7560\lin7560 }{\listname ;}\listid387921497}{\list\listtemplateid134807553\listsimple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3\levelnfcn23\leveljc0\leveljcn0\levelfollow0\levelstartat1\levelspace0\levelindent0{\leveltext\'01\u-3913 ?;}{\levelnum</w:t>
      </w:r>
      <w:r w:rsidRPr="005B592D">
        <w:rPr>
          <w:rFonts w:ascii="Courier New" w:hAnsi="Courier New" w:cs="Courier New"/>
        </w:rPr>
        <w:t>bers;}\f3\fbias0 \fi-360\li360\jclisttab\tx360\lin360 }{\listname ;}\listid400564815}{\list\listtemplateid20084183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lfollow0\levelstartat1\levelspace0\levelindent0{\leveltext\'01\'00;}{\levelnumbers\</w:t>
      </w:r>
      <w:r w:rsidRPr="005B592D">
        <w:rPr>
          <w:rFonts w:ascii="Courier New" w:hAnsi="Courier New" w:cs="Courier New"/>
        </w:rPr>
        <w:t>'01;}\fi-567\li567\jclisttab\tx567\lin567 }{\listlevel\levelnfc0\levelnfcn0\leveljc0\leveljcn0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rtat1\levelspace0\levelindent0{\leveltext\'03\'00.\'01;}{\levelnumbers\'01\'03;}\fi-340\li340\jclisttab\tx720\lin340 }{\listlevel\levelnfc</w:t>
      </w:r>
      <w:r w:rsidRPr="005B592D">
        <w:rPr>
          <w:rFonts w:ascii="Courier New" w:hAnsi="Courier New" w:cs="Courier New"/>
        </w:rPr>
        <w:t>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5\'00.\'01.\'02;}{\levelnumbers\'01\'03\'05;}\fi-720\li720\jclisttab\tx720\lin720 }{\listlevel\levelnfc0\levelnfcn0\leveljc0\leveljcn0\levelfollow0\levelstar</w:t>
      </w:r>
      <w:r w:rsidRPr="005B592D">
        <w:rPr>
          <w:rFonts w:ascii="Courier New" w:hAnsi="Courier New" w:cs="Courier New"/>
        </w:rPr>
        <w:t>tat1\levelspace0\levelindent0{\leveltext\'07\'00.\'01.\'02.\'03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'03\'05\'07;}\fi-864\li864\jclisttab\tx864\lin864 }{\listlevel\levelnfc0\levelnfcn0\leveljc0\leveljcn0\levelfollow0\levelstartat1\levelspace0\levelindent0{\leveltext\'09\</w:t>
      </w:r>
      <w:r w:rsidRPr="005B592D">
        <w:rPr>
          <w:rFonts w:ascii="Courier New" w:hAnsi="Courier New" w:cs="Courier New"/>
        </w:rPr>
        <w:t>'00.\'01.\'02.\'03.\'04;}{\levelnumbers\'01\'03\'05\'07\'09;}\fi-1008\li100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1008\lin1008 }{\listlevel\levelnfc0\levelnfcn0\leveljc0\leveljcn0\levelfollow0\levelstartat1\levelspace0\levelindent0{\leveltext\'0b\'00.\'01.\'02.\'03.\'04.\'05;}{\</w:t>
      </w:r>
      <w:r w:rsidRPr="005B592D">
        <w:rPr>
          <w:rFonts w:ascii="Courier New" w:hAnsi="Courier New" w:cs="Courier New"/>
        </w:rPr>
        <w:t>levelnumbers\'01\'03\'05\'07\'09\'0b;}\fi-1152\li115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1152\lin1152 }{\listlevel\levelnfc0\levelnfcn0\leveljc0\leveljcn0\levelfollow0\levelstartat1\levelspace0\levelindent0{\leveltext\'0d\'00.\'01.\'02.\'03.\'04.\'05.\'06;}{\levelnumbers\'01\'</w:t>
      </w:r>
      <w:r w:rsidRPr="005B592D">
        <w:rPr>
          <w:rFonts w:ascii="Courier New" w:hAnsi="Courier New" w:cs="Courier New"/>
        </w:rPr>
        <w:t>03\'05\'07\'09\'0b\'0d;}\fi-1296\li129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1296\lin1296 }{\listlevel\levelnfc0\levelnfcn0\leveljc0\leveljcn0\levelfollow0\levelstartat1\levelspace0\levelindent0{\leveltext\'0f\'00.\'01.\'02.\'03.\'04.\'05.\'06.\'07;}{\levelnumbers\'01\'03\'05\'0</w:t>
      </w:r>
      <w:r w:rsidRPr="005B592D">
        <w:rPr>
          <w:rFonts w:ascii="Courier New" w:hAnsi="Courier New" w:cs="Courier New"/>
        </w:rPr>
        <w:t>7\'09\'0b\'0d\'0f;}\fi-1440\li144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1440\lin1440 }{\listlevel\levelnfc0\levelnfcn0\leveljc0\leveljcn0\levelfollow0\levelstartat1\levelspace0\levelindent0{\leveltext\'11\'00.\'01.\'02.\'03.\'04.\'05.\'06.\'07.\'08;}{\levelnumbers\'01\'03\'05\'0</w:t>
      </w:r>
      <w:r w:rsidRPr="005B592D">
        <w:rPr>
          <w:rFonts w:ascii="Courier New" w:hAnsi="Courier New" w:cs="Courier New"/>
        </w:rPr>
        <w:t>7\'09\'0b\'0d\'0f\'11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1584\li1584\jclisttab\tx1584\lin1584 }{\listname ;}\listid435757058}{\list\listtemplateid1992221582\listhybrid{\listlevel\levelnfc23\levelnfcn23\leveljc0\leveljcn0\levelfollow0\levelstartat1\levelspace360\levelindent0{\leveltex</w:t>
      </w:r>
      <w:r w:rsidRPr="005B592D">
        <w:rPr>
          <w:rFonts w:ascii="Courier New" w:hAnsi="Courier New" w:cs="Courier New"/>
        </w:rPr>
        <w:t>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89\'01\u-3913 ?;}{\levelnumbers;}\f3\fbias0 \fi-360\li720\jclisttab\tx720\lin720 }{\listlevel\levelnfc23\levelnfcn23\leveljc0\leveljcn0\levelfollow0\levelstartat1\levelspace360\levelindent0{\leveltext\leveltemplateid6769869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o</w:t>
      </w:r>
      <w:r w:rsidRPr="005B592D">
        <w:rPr>
          <w:rFonts w:ascii="Courier New" w:hAnsi="Courier New" w:cs="Courier New"/>
        </w:rPr>
        <w:t>;}{\levelnumbers;}\f2\fbias0 \fi-360\li1440\jclisttab\tx1440\lin1440 }{\listlevel\levelnfc23\levelnfcn23\leveljc0\leveljcn0\levelfollow0\levelstartat1\levelspace360\levelindent0{\leveltext\leveltemplateid67698693\'01\u-3929 ?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10\fbias0</w:t>
      </w:r>
      <w:r w:rsidRPr="005B592D">
        <w:rPr>
          <w:rFonts w:ascii="Courier New" w:hAnsi="Courier New" w:cs="Courier New"/>
        </w:rPr>
        <w:t xml:space="preserve"> \fi-360\li2160\jclisttab\tx2160\lin2160 }{\listlevel\levelnfc23\levelnfcn23\leveljc0\leveljcn0\levelfollow0\levelstartat1\levelspace360\levelindent0{\leveltext\leveltemplateid67698689\'01\u-3913 ?;}{\levelnumbers;}\f3\fbias0 \fi-360\li288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2</w:t>
      </w:r>
      <w:r w:rsidRPr="005B592D">
        <w:rPr>
          <w:rFonts w:ascii="Courier New" w:hAnsi="Courier New" w:cs="Courier New"/>
        </w:rPr>
        <w:t>880\lin2880 }{\listlevel\levelnfc23\levelnfcn23\leveljc0\leveljcn0\levelfollow0\levelstartat1\levelspace360\levelindent0{\leveltext\leveltemplateid67698691\'01o;}{\levelnumbers;}\f2\fbias0 \fi-360\li3600\jclisttab\tx3600\lin360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3\l</w:t>
      </w:r>
      <w:r w:rsidRPr="005B592D">
        <w:rPr>
          <w:rFonts w:ascii="Courier New" w:hAnsi="Courier New" w:cs="Courier New"/>
        </w:rPr>
        <w:t>evelnfcn23\leveljc0\leveljcn0\levelfollow0\levelstartat1\levelspace360\levelindent0{\leveltext\leveltemplateid67698693\'01\u-3929 ?;}{\levelnumbers;}\f10\fbias0 \fi-360\li4320\jclisttab\tx4320\lin4320 }{\listlevel\levelnfc23\levelnfcn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</w:t>
      </w:r>
      <w:r w:rsidRPr="005B592D">
        <w:rPr>
          <w:rFonts w:ascii="Courier New" w:hAnsi="Courier New" w:cs="Courier New"/>
        </w:rPr>
        <w:t>0\levelfollow0\levelstartat1\levelspace360\levelindent0{\leveltext\leveltemplateid67698689\'01\u-3913 ?;}{\levelnumbers;}\f3\fbias0 \fi-360\li5040\jclisttab\tx5040\lin504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</w:t>
      </w:r>
      <w:r w:rsidRPr="005B592D">
        <w:rPr>
          <w:rFonts w:ascii="Courier New" w:hAnsi="Courier New" w:cs="Courier New"/>
        </w:rPr>
        <w:t>levelspace360\levelindent0{\leveltext\leveltemplateid67698691\'01o;}{\levelnumbers;}\f2\fbias0 \fi-360\li5760\jclisttab\tx5760\lin5760 }{\li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</w:t>
      </w:r>
      <w:r w:rsidRPr="005B592D">
        <w:rPr>
          <w:rFonts w:ascii="Courier New" w:hAnsi="Courier New" w:cs="Courier New"/>
        </w:rPr>
        <w:t>\leveltemplateid67698693\'01\u-3929 ?;}{\levelnumbers;}\f10\fbias0 \fi-360\li6480\jclisttab\tx6480\lin6480 }{\listname ;}\listid454906256}{\list\listtemplateid-1088363148{\listlevel\levelnfc0\levelnfcn0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</w:t>
      </w:r>
      <w:r w:rsidRPr="005B592D">
        <w:rPr>
          <w:rFonts w:ascii="Courier New" w:hAnsi="Courier New" w:cs="Courier New"/>
        </w:rPr>
        <w:t>space0\levelindent0{\leveltext\'01\'00;}{\levelnumbers\'01;}\fbias0 \fi-360\li360\jclisttab\tx360\lin360 }{\listlevel\levelnfc0\levelnfcn0\leveljc0\leveljcn0\lev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'03\'00.\'01;}{\levelnumbers\'01\</w:t>
      </w:r>
      <w:r w:rsidRPr="005B592D">
        <w:rPr>
          <w:rFonts w:ascii="Courier New" w:hAnsi="Courier New" w:cs="Courier New"/>
        </w:rPr>
        <w:t>'03;}\fbias0 \fi-360\li360\jclisttab\tx360\lin360 }{\listlevel\levelnfc0\levelnfcn0\leveljc0\leveljcn0\levelfollow0\levelstartat1\levelspace0\levelindent0{\leveltext\'05\'00.\'01.\'02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'03\'05;}\fbias0 \fi-720\li720\jclisttab\tx720\lin</w:t>
      </w:r>
      <w:r w:rsidRPr="005B592D">
        <w:rPr>
          <w:rFonts w:ascii="Courier New" w:hAnsi="Courier New" w:cs="Courier New"/>
        </w:rPr>
        <w:t>720 }{\listlevel\levelnfc0\levelnfcn0\leveljc0\leveljcn0\levelfollow0\levelstartat1\levelspace0\levelindent0{\leveltext\'07\'00.\'01.\'02.\'03;}{\levelnumbers\'01\'03\'05\'07;}\fbias0 \fi-720\li72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720\lin720 }{\listlevel\levelnfc0\levelnfcn0</w:t>
      </w:r>
      <w:r w:rsidRPr="005B592D">
        <w:rPr>
          <w:rFonts w:ascii="Courier New" w:hAnsi="Courier New" w:cs="Courier New"/>
        </w:rPr>
        <w:t>\leveljc0\leveljcn0\levelfollow0\levelstartat1\levelspace0\levelindent0{\leveltext\'09\'00.\'01.\'02.\'03.\'04;}{\levelnumbers\'01\'03\'05\'07\'09;}\fbias0 \fi-1080\li1080\jclisttab\tx1080\lin108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</w:t>
      </w:r>
      <w:r w:rsidRPr="005B592D">
        <w:rPr>
          <w:rFonts w:ascii="Courier New" w:hAnsi="Courier New" w:cs="Courier New"/>
        </w:rPr>
        <w:t>lfollow0\levelstartat1\levelspace0\levelindent0{\leveltext\'0b\'00.\'01.\'02.\'03.\'04.\'05;}{\levelnumbers\'01\'03\'05\'07\'09\'0b;}\fbias0 \fi-1080\li1080\jclisttab\tx1080\lin108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0\levelnfcn0\leveljc0\leveljcn0\levelfollow0\levels</w:t>
      </w:r>
      <w:r w:rsidRPr="005B592D">
        <w:rPr>
          <w:rFonts w:ascii="Courier New" w:hAnsi="Courier New" w:cs="Courier New"/>
        </w:rPr>
        <w:t>tartat1\levelspace0\levelindent0{\leveltext\'0d\'00.\'01.\'02.\'03.\'04.\'05.\'06;}{\levelnumbers\'01\'03\'05\'07\'09\'0b\'0d;}\fbias0 \fi-1440\li1440\jclisttab\tx1440\lin144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0\levelnfcn0\leveljc0\leveljcn0\levelfollow0\levelstartat</w:t>
      </w:r>
      <w:r w:rsidRPr="005B592D">
        <w:rPr>
          <w:rFonts w:ascii="Courier New" w:hAnsi="Courier New" w:cs="Courier New"/>
        </w:rPr>
        <w:t>1\levelspace0\levelindent0{\leveltext\'0f\'00.\'01.\'02.\'03.\'04.\'05.\'06.\'07;}{\levelnumbers\'01\'03\'05\'07\'09\'0b\'0d\'0f;}\fbias0 \fi-1800\li1800\jclisttab\tx1800\lin180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lfollow0\levelstar</w:t>
      </w:r>
      <w:r w:rsidRPr="005B592D">
        <w:rPr>
          <w:rFonts w:ascii="Courier New" w:hAnsi="Courier New" w:cs="Courier New"/>
        </w:rPr>
        <w:t>tat1\levelspace0\levelindent0{\leveltext\'11\'00.\'01.\'02.\'03.\'04.\'05.\'06.\'07.\'08;}{\levelnumbers\'01\'03\'05\'07\'09\'0b\'0d\'0f\'11;}\fbias0 \fi-1800\li18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1800\lin1800 }{\listname ;}\listid505287959}{\list\listtemplateid-668155752\</w:t>
      </w:r>
      <w:r w:rsidRPr="005B592D">
        <w:rPr>
          <w:rFonts w:ascii="Courier New" w:hAnsi="Courier New" w:cs="Courier New"/>
        </w:rPr>
        <w:t>listhybrid{\listlevel\levelnfc0\levelnfcn0\leveljc0\leveljcn0\levelfollow0\levelstartat7\levelspace0\levelindent0{\leveltext\leveltemplateid55028238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0.;}{\levelnumbers\'01;}\fbias0 \fi-360\li720\jclisttab\tx720\lin720 }{\listlevel\levelnfc4\leveln</w:t>
      </w:r>
      <w:r w:rsidRPr="005B592D">
        <w:rPr>
          <w:rFonts w:ascii="Courier New" w:hAnsi="Courier New" w:cs="Courier New"/>
        </w:rPr>
        <w:t>fcn4\leveljc0\leveljcn0\levelfollow0\levelstartat1\levelspace0\levelindent0{\leveltext\leveltemplateid67698713\'02\'01.;}{\levelnumbers\'01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360\li1440\jclisttab\tx1440\lin1440 }{\listlevel\levelnfc2\levelnfcn2\leveljc2\leveljcn2\levelfollow0\levelst</w:t>
      </w:r>
      <w:r w:rsidRPr="005B592D">
        <w:rPr>
          <w:rFonts w:ascii="Courier New" w:hAnsi="Courier New" w:cs="Courier New"/>
        </w:rPr>
        <w:t>artat1\levelspace0\levelindent0{\leveltext\leveltemplateid67698715\'02\'02.;}{\levelnumbers\'01;}\fi-180\li2160\jclisttab\tx2160\lin216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lfollow0\levelstartat1\levelspace0\levelindent0{\leveltext\l</w:t>
      </w:r>
      <w:r w:rsidRPr="005B592D">
        <w:rPr>
          <w:rFonts w:ascii="Courier New" w:hAnsi="Courier New" w:cs="Courier New"/>
        </w:rPr>
        <w:t>eveltemplateid67698703\'02\'03.;}{\levelnumbers\'01;}\fi-360\li2880\jclisttab\tx2880\lin2880 }{\listlevel\levelnfc4\levelnfcn4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space0\levelindent0{\leveltext\leveltemplateid67698713\'02\'04.;}{\levelnumb</w:t>
      </w:r>
      <w:r w:rsidRPr="005B592D">
        <w:rPr>
          <w:rFonts w:ascii="Courier New" w:hAnsi="Courier New" w:cs="Courier New"/>
        </w:rPr>
        <w:t>ers\'01;}\fi-360\li3600\jclisttab\tx3600\lin3600 }{\listlevel\levelnfc2\levelnfcn2\leveljc2\leveljcn2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leveltemplateid67698715\'02\'05.;}{\levelnumbers\'01;}\fi-180\li4320\jclisttab\tx4320\lin</w:t>
      </w:r>
      <w:r w:rsidRPr="005B592D">
        <w:rPr>
          <w:rFonts w:ascii="Courier New" w:hAnsi="Courier New" w:cs="Courier New"/>
        </w:rPr>
        <w:t>4320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03\'02\'06.;}{\levelnumbers\'01;}\fi-360\li5040\jclisttab\tx5040\lin5040 }{\listlevel\levelnfc4\levelnfcn4\level</w:t>
      </w:r>
      <w:r w:rsidRPr="005B592D">
        <w:rPr>
          <w:rFonts w:ascii="Courier New" w:hAnsi="Courier New" w:cs="Courier New"/>
        </w:rPr>
        <w:t>jc0\leveljcn0\levelfollow0\levelstartat1\levelspace0\levelindent0{\leveltext\leveltemplateid676987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7.;}{\levelnumbers\'01;}\fi-360\li5760\jclisttab\tx5760\lin5760 }{\listlevel\levelnfc2\levelnfcn2\leveljc2\leveljcn2\levelfollow0\levelstartat1\lev</w:t>
      </w:r>
      <w:r w:rsidRPr="005B592D">
        <w:rPr>
          <w:rFonts w:ascii="Courier New" w:hAnsi="Courier New" w:cs="Courier New"/>
        </w:rPr>
        <w:t>elspace0\levelindent0{\leveltext\leveltemplateid67698715\'02\'08.;}{\levelnumbers\'01;}\fi-180\li648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6480\lin6480 }{\listname ;}\listid508064738}{\list\listtemplateid-1215549920\listhybrid{\listlevel\levelnfc23\levelnfcn23\leveljc0\leveljcn0</w:t>
      </w:r>
      <w:r w:rsidRPr="005B592D">
        <w:rPr>
          <w:rFonts w:ascii="Courier New" w:hAnsi="Courier New" w:cs="Courier New"/>
        </w:rPr>
        <w:t>\levelfollow0\levelstartat1\levelspace0\levelindent0{\leveltext\leveltemplateid-52108882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13 ?;}{\levelnumbers;}\f3\cf0\fbias0 \fi-360\li360\jclisttab\tx360\lin360 }{\listlevel\levelnfc23\levelnfcn23\leveljc0\leveljcn0\levelfollow0\levelstartat1\</w:t>
      </w:r>
      <w:r w:rsidRPr="005B592D">
        <w:rPr>
          <w:rFonts w:ascii="Courier New" w:hAnsi="Courier New" w:cs="Courier New"/>
        </w:rPr>
        <w:t>levelspace0\levelindent0{\leveltext\leveltemplateid67698691\'01o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2\fbias0 \fi-360\li1440\jclisttab\tx1440\lin1440 }{\listlevel\levelnfc23\levelnfcn23\leveljc0\leveljcn0\levelfollow0\levelstartat1\levelspace0\levelindent0{\leveltext\lev</w:t>
      </w:r>
      <w:r w:rsidRPr="005B592D">
        <w:rPr>
          <w:rFonts w:ascii="Courier New" w:hAnsi="Courier New" w:cs="Courier New"/>
        </w:rPr>
        <w:t>eltemplateid67698693\'01\u-3929 ?;}{\levelnumbers;}\f10\fbias0 \fi-360\li21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2160\lin2160 }{\listlevel\levelnfc23\levelnfcn23\leveljc0\leveljcn0\levelfollow0\levelstartat1\levelspace0\levelindent0{\leveltext\leveltemplateid67698689\'01\u-391</w:t>
      </w:r>
      <w:r w:rsidRPr="005B592D">
        <w:rPr>
          <w:rFonts w:ascii="Courier New" w:hAnsi="Courier New" w:cs="Courier New"/>
        </w:rPr>
        <w:t>3 ?;}{\levelnumbers;}\f3\fbias0 \fi-360\li2880\jclisttab\tx2880\lin288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eljc0\leveljcn0\levelfollow0\levelstartat1\levelspace0\levelindent0{\leveltext\leveltemplateid67698691\'01o;}{\levelnumbers;}\f2\fbias0 \fi-360</w:t>
      </w:r>
      <w:r w:rsidRPr="005B592D">
        <w:rPr>
          <w:rFonts w:ascii="Courier New" w:hAnsi="Courier New" w:cs="Courier New"/>
        </w:rPr>
        <w:t>\li3600\jclisttab\tx3600\lin3600 }{\listlevel\levelnfc23\levelnfcn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0\levelindent0{\leveltext\leveltemplateid67698693\'01\u-3929 ?;}{\levelnumbers;}\f10\fbias0 \fi-360\li4320\jclisttab\tx4320\lin43</w:t>
      </w:r>
      <w:r w:rsidRPr="005B592D">
        <w:rPr>
          <w:rFonts w:ascii="Courier New" w:hAnsi="Courier New" w:cs="Courier New"/>
        </w:rPr>
        <w:t>2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689\'01\u-3913 ?;}{\levelnumbers;}\f3\fbias0 \fi-360\li5040\jclisttab\tx5040\lin5040 }{\listlevel\levelnfc23\leve</w:t>
      </w:r>
      <w:r w:rsidRPr="005B592D">
        <w:rPr>
          <w:rFonts w:ascii="Courier New" w:hAnsi="Courier New" w:cs="Courier New"/>
        </w:rPr>
        <w:t>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leveltemplateid67698691\'01o;}{\levelnumbers;}\f2\fbias0 \fi-360\li5760\jclisttab\tx5760\lin5760 }{\listlevel\levelnfc23\levelnfcn23\leveljc0\leveljcn0\levelfollow0</w:t>
      </w:r>
      <w:r w:rsidRPr="005B592D">
        <w:rPr>
          <w:rFonts w:ascii="Courier New" w:hAnsi="Courier New" w:cs="Courier New"/>
        </w:rPr>
        <w:t>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3\'01\u-3929 ?;}{\levelnumbers;}\f10\fbias0 \fi-360\li6480\jclisttab\tx6480\lin6480 }{\listname ;}\listid528681829}{\list\listtemplateid134807553\listsimple{\listlevel\levelnfc23\le</w:t>
      </w:r>
      <w:r w:rsidRPr="005B592D">
        <w:rPr>
          <w:rFonts w:ascii="Courier New" w:hAnsi="Courier New" w:cs="Courier New"/>
        </w:rPr>
        <w:t>velnfcn23\leveljc0\leveljcn0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rtat1\levelspace0\levelindent0{\leveltext\'01\u-3913 ?;}{\levelnumbers;}\f3\fbias0 \fi-360\li360\jclisttab\tx360\lin360 }{\listname ;}\listid534541097}{\list\listtemplateid1291722000\listhybrid{\listlevel</w:t>
      </w:r>
      <w:r w:rsidRPr="005B592D">
        <w:rPr>
          <w:rFonts w:ascii="Courier New" w:hAnsi="Courier New" w:cs="Courier New"/>
        </w:rPr>
        <w:t>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689\'01\u-3913 ?;}{\levelnumbers;}\f3\fbias0 \fi-360\li720\jclisttab\tx720\lin720 }{\listlevel\levelnfc23\levelnfcn23\leveljc0</w:t>
      </w:r>
      <w:r w:rsidRPr="005B592D">
        <w:rPr>
          <w:rFonts w:ascii="Courier New" w:hAnsi="Courier New" w:cs="Courier New"/>
        </w:rPr>
        <w:t>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89\'01\u-3913 ?;}{\levelnumbers;}\f3\fbias0 \fi-360\li1440\jclisttab\tx1440\lin1440 }{\listlevel\levelnfc23\levelnfcn23\leveljc0\leveljcn0\levelfollow0\level</w:t>
      </w:r>
      <w:r w:rsidRPr="005B592D">
        <w:rPr>
          <w:rFonts w:ascii="Courier New" w:hAnsi="Courier New" w:cs="Courier New"/>
        </w:rPr>
        <w:t>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93\'01\u-3929 ?;}{\levelnumbers;}\f10\fbias0 \fi-360\li2160\jclisttab\tx2160\lin2160 }{\listlevel\levelnfc23\levelnfcn23\leveljc0\leveljcn0\levelfollow0\levelstartat1\levelspace360\level</w:t>
      </w:r>
      <w:r w:rsidRPr="005B592D">
        <w:rPr>
          <w:rFonts w:ascii="Courier New" w:hAnsi="Courier New" w:cs="Courier New"/>
        </w:rPr>
        <w:t>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89\'01\u-3913 ?;}{\levelnumbers;}\f3\fbias0 \fi-360\li2880\jclisttab\tx2880\lin2880 }{\listlevel\levelnfc23\levelnfcn23\leveljc0\leveljcn0\levelfollow0\levelstartat1\levelspace360\levelindent0{\leveltext\leveltempl</w:t>
      </w:r>
      <w:r w:rsidRPr="005B592D">
        <w:rPr>
          <w:rFonts w:ascii="Courier New" w:hAnsi="Courier New" w:cs="Courier New"/>
        </w:rPr>
        <w:t>ateid6769869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o;}{\levelnumbers;}\f2\fbias0 \fi-360\li3600\jclisttab\tx3600\lin3600 }{\listlevel\levelnfc23\levelnfcn23\leveljc0\leveljcn0\levelfollow0\levelstartat1\levelspace360\levelindent0{\leveltext\leveltemplateid67698693\'01\u-3929 ?;}{\levelnu</w:t>
      </w:r>
      <w:r w:rsidRPr="005B592D">
        <w:rPr>
          <w:rFonts w:ascii="Courier New" w:hAnsi="Courier New" w:cs="Courier New"/>
        </w:rPr>
        <w:t>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10\fbias0 \fi-360\li4320\jclisttab\tx4320\lin4320 }{\listlevel\levelnfc23\levelnfcn23\leveljc0\leveljcn0\levelfollow0\levelstartat1\levelspace360\levelindent0{\leveltext\leveltemplateid67698689\'01\u-3913 ?;}{\levelnumbers;}\f3\fbias0 \fi-360\li</w:t>
      </w:r>
      <w:r w:rsidRPr="005B592D">
        <w:rPr>
          <w:rFonts w:ascii="Courier New" w:hAnsi="Courier New" w:cs="Courier New"/>
        </w:rPr>
        <w:t>504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5040\lin5040 }{\listlevel\levelnfc23\levelnfcn23\leveljc0\leveljcn0\levelfollow0\levelstartat1\levelspace360\levelindent0{\leveltext\leveltemplateid67698691\'01o;}{\levelnumbers;}\f2\fbias0 \fi-360\li5760\jclisttab\tx5760\lin5760 }{\list</w:t>
      </w:r>
      <w:r w:rsidRPr="005B592D">
        <w:rPr>
          <w:rFonts w:ascii="Courier New" w:hAnsi="Courier New" w:cs="Courier New"/>
        </w:rPr>
        <w:t>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3\levelnfcn23\leveljc0\leveljcn0\levelfollow0\levelstartat1\levelspace360\levelindent0{\leveltext\leveltemplateid67698693\'01\u-3929 ?;}{\levelnumbers;}\f10\fbias0 \fi-360\li6480\jclisttab\tx6480\lin6480 }{\listname ;}\listid536354406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</w:t>
      </w:r>
      <w:r w:rsidRPr="005B592D">
        <w:rPr>
          <w:rFonts w:ascii="Courier New" w:hAnsi="Courier New" w:cs="Courier New"/>
        </w:rPr>
        <w:t>list\listtemplateid1271674110\listhybrid{\listlevel\levelnfc23\levelnfcn23\leveljc0\leveljcn0\levelfollow0\levelstartat1\levelspace360\levelindent0{\leveltext\leveltemplateid67698689\'01\u-3913 ?;}{\levelnumbers;}\f3\fbias0 \fi-360\li108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108</w:t>
      </w:r>
      <w:r w:rsidRPr="005B592D">
        <w:rPr>
          <w:rFonts w:ascii="Courier New" w:hAnsi="Courier New" w:cs="Courier New"/>
        </w:rPr>
        <w:t>0\lin1080 }{\listlevel\levelnfc23\levelnfcn23\leveljc0\leveljcn0\levelfollow0\levelstartat1\levelspace360\levelindent0{\leveltext\leveltemplateid67698691\'01o;}{\levelnumbers;}\f2\fbias0 \fi-360\li1800\jclisttab\tx1800\lin180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3\lev</w:t>
      </w:r>
      <w:r w:rsidRPr="005B592D">
        <w:rPr>
          <w:rFonts w:ascii="Courier New" w:hAnsi="Courier New" w:cs="Courier New"/>
        </w:rPr>
        <w:t>elnfcn23\leveljc0\leveljcn0\levelfollow0\levelstartat1\levelspace360\levelindent0{\leveltext\leveltemplateid67698693\'01\u-3929 ?;}{\levelnumbers;}\f10\fbias0 \fi-360\li2520\jclisttab\tx2520\lin2520 }{\listlevel\levelnfc23\levelnfcn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</w:t>
      </w:r>
      <w:r w:rsidRPr="005B592D">
        <w:rPr>
          <w:rFonts w:ascii="Courier New" w:hAnsi="Courier New" w:cs="Courier New"/>
        </w:rPr>
        <w:t>levelfollow0\levelstartat1\levelspace360\levelindent0{\leveltext\leveltemplateid67698689\'01\u-3913 ?;}{\levelnumbers;}\f3\fbias0 \fi-360\li3240\jclisttab\tx3240\lin324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</w:t>
      </w:r>
      <w:r w:rsidRPr="005B592D">
        <w:rPr>
          <w:rFonts w:ascii="Courier New" w:hAnsi="Courier New" w:cs="Courier New"/>
        </w:rPr>
        <w:t>velspace360\levelindent0{\leveltext\leveltemplateid67698691\'01o;}{\levelnumbers;}\f2\fbias0 \fi-360\li3960\jclisttab\tx3960\lin3960 }{\li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</w:t>
      </w:r>
      <w:r w:rsidRPr="005B592D">
        <w:rPr>
          <w:rFonts w:ascii="Courier New" w:hAnsi="Courier New" w:cs="Courier New"/>
        </w:rPr>
        <w:t>eveltemplateid67698693\'01\u-3929 ?;}{\levelnumbers;}\f10\fbias0 \fi-360\li4680\jclisttab\tx4680\lin4680 }{\listlevel\levelnfc23\levelnfcn23\leveljc0\leveljcn0\levelfollow0\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89\'01\u</w:t>
      </w:r>
      <w:r w:rsidRPr="005B592D">
        <w:rPr>
          <w:rFonts w:ascii="Courier New" w:hAnsi="Courier New" w:cs="Courier New"/>
        </w:rPr>
        <w:t>-3913 ?;}{\levelnumbers;}\f3\fbias0 \fi-360\li5400\jclisttab\tx5400\lin5400 }{\listlevel\levelnfc23\levelnfcn23\leveljc0\leveljcn0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</w:t>
      </w:r>
      <w:r w:rsidRPr="005B592D">
        <w:rPr>
          <w:rFonts w:ascii="Courier New" w:hAnsi="Courier New" w:cs="Courier New"/>
        </w:rPr>
        <w:t>fi-360\li6120\jclisttab\tx6120\lin6120 }{\listlevel\levelnfc23\levelnfcn23\leveljc0\leveljcn0\levelfollow0\levelstartat1\levelspace360\levelindent0{\leveltext\lev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6840\jclisttab\tx68</w:t>
      </w:r>
      <w:r w:rsidRPr="005B592D">
        <w:rPr>
          <w:rFonts w:ascii="Courier New" w:hAnsi="Courier New" w:cs="Courier New"/>
        </w:rPr>
        <w:t>40\lin6840 }{\listname ;}\listid551813894}{\list\listtemplateid1083575536\listhybrid{\listlevel\levelnfc23\levelnfcn23\leveljc0\leveljcn0\levelfollow0\lev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-1504121484\'01\u-3937 ?;}{\levelnumbe</w:t>
      </w:r>
      <w:r w:rsidRPr="005B592D">
        <w:rPr>
          <w:rFonts w:ascii="Courier New" w:hAnsi="Courier New" w:cs="Courier New"/>
        </w:rPr>
        <w:t>rs;}\f10\cf0\fbias0 \fi-360\li360\jclisttab\tx360\lin360 }{\listlevel\levelnfc23\levelnfcn23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-452148758\'01\u-3937 ?;}{\levelnumbers;}\f10\fbias0 \fi-360\li1</w:t>
      </w:r>
      <w:r w:rsidRPr="005B592D">
        <w:rPr>
          <w:rFonts w:ascii="Courier New" w:hAnsi="Courier New" w:cs="Courier New"/>
        </w:rPr>
        <w:t>440\jclisttab\tx1440\lin1440 }{\listlevel\levelnfc23\levelnfcn23\leveljc0\leveljcn0\levelfollow0\levelstartat1\levelspace0\levelindent0{\leveltext\lev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2160\jclisttab\tx2160\lin2160 }</w:t>
      </w:r>
      <w:r w:rsidRPr="005B592D">
        <w:rPr>
          <w:rFonts w:ascii="Courier New" w:hAnsi="Courier New" w:cs="Courier New"/>
        </w:rPr>
        <w:t>{\listlevel\levelnfc23\levelnfcn23\leveljc0\leveljcn0\levelfollow0\levelstartat1\levelspace0\levelindent0{\leveltext\leveltemplateid67698689\'01\u-3913 ?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3\fbias0 \fi-360\li2880\jclisttab\tx2880\lin2880 }{\listlevel\levelnfc23\levelnfc</w:t>
      </w:r>
      <w:r w:rsidRPr="005B592D">
        <w:rPr>
          <w:rFonts w:ascii="Courier New" w:hAnsi="Courier New" w:cs="Courier New"/>
        </w:rPr>
        <w:t>n23\leveljc0\leveljcn0\levelfollow0\levelstartat1\levelspace0\levelindent0{\leveltext\leveltemplateid67698691\'01o;}{\levelnumbers;}\f2\fbias0 \fi-360\li36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3600\lin3600 }{\listlevel\levelnfc23\levelnfcn23\leveljc0\leveljcn0\levelfollow0\lev</w:t>
      </w:r>
      <w:r w:rsidRPr="005B592D">
        <w:rPr>
          <w:rFonts w:ascii="Courier New" w:hAnsi="Courier New" w:cs="Courier New"/>
        </w:rPr>
        <w:t>elstartat1\levelspace0\levelindent0{\leveltext\leveltemplateid67698693\'01\u-3929 ?;}{\levelnumbers;}\f10\fbias0 \fi-360\li4320\jclisttab\tx4320\lin432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eljc0\leveljcn0\levelfollow0\levelstartat1\levelspace0\levelin</w:t>
      </w:r>
      <w:r w:rsidRPr="005B592D">
        <w:rPr>
          <w:rFonts w:ascii="Courier New" w:hAnsi="Courier New" w:cs="Courier New"/>
        </w:rPr>
        <w:t>dent0{\leveltext\leveltemplateid67698689\'01\u-3913 ?;}{\levelnumbers;}\f3\fbias0 \fi-360\li5040\jclisttab\tx5040\lin5040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0\levelindent0{\leveltext\leveltemplatei</w:t>
      </w:r>
      <w:r w:rsidRPr="005B592D">
        <w:rPr>
          <w:rFonts w:ascii="Courier New" w:hAnsi="Courier New" w:cs="Courier New"/>
        </w:rPr>
        <w:t>d67698691\'01o;}{\levelnumbers;}\f2\fbias0 \fi-360\li5760\jclisttab\tx5760\lin576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693\'01\u-3929 ?;}{\levelnumbers;</w:t>
      </w:r>
      <w:r w:rsidRPr="005B592D">
        <w:rPr>
          <w:rFonts w:ascii="Courier New" w:hAnsi="Courier New" w:cs="Courier New"/>
        </w:rPr>
        <w:t>}\f10\fbias0 \fi-360\li6480\jclisttab\tx6480\lin6480 }{\listname ;}\listid557016153}{\list\listtemplateid-217797778\listhybrid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0\levelnfcn0\leveljc0\leveljcn0\levelfollow0\levelstartat1\levelspace360\levelindent0{\leveltext\leveltempla</w:t>
      </w:r>
      <w:r w:rsidRPr="005B592D">
        <w:rPr>
          <w:rFonts w:ascii="Courier New" w:hAnsi="Courier New" w:cs="Courier New"/>
        </w:rPr>
        <w:t>teid742933414\'02\'00.;}{\levelnumbers\'01;}\b\i0\shad0\embo0\impr0\fbias0 \fi-360\li720\jclisttab\tx720\lin720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360\levelindent0{\leveltext\leveltemplateid6769868</w:t>
      </w:r>
      <w:r w:rsidRPr="005B592D">
        <w:rPr>
          <w:rFonts w:ascii="Courier New" w:hAnsi="Courier New" w:cs="Courier New"/>
        </w:rPr>
        <w:t>9\'01\u-3913 ?;}{\levelnumbers;}\f3\fbias0 \fi-360\li1440\jclisttab\tx1440\lin1440 }{\listlevel\levelnfc2\levelnfcn2\leveljc2\leveljcn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715\'02\'02.;}{\levelnumbers\'01;</w:t>
      </w:r>
      <w:r w:rsidRPr="005B592D">
        <w:rPr>
          <w:rFonts w:ascii="Courier New" w:hAnsi="Courier New" w:cs="Courier New"/>
        </w:rPr>
        <w:t>}\fi-180\li2160\jclisttab\tx2160\lin2160 }{\listlevel\levelnfc0\levelnfcn0\leveljc0\leveljcn0\levelfollow0\levelstartat1\levelspace3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03\'02\'03.;}{\levelnumbers\'01;}\fi-360\li2880\jclisttab\tx2880\lin2880 }</w:t>
      </w:r>
      <w:r w:rsidRPr="005B592D">
        <w:rPr>
          <w:rFonts w:ascii="Courier New" w:hAnsi="Courier New" w:cs="Courier New"/>
        </w:rPr>
        <w:t>{\listlevel\levelnfc4\levelnfcn4\leveljc0\leveljcn0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3\'02\'04.;}{\levelnumbers\'01;}\fi-360\li3600\jclisttab\tx3600\lin3600 }{\listlevel\levelnfc2\levelnfcn2\leveljc2\</w:t>
      </w:r>
      <w:r w:rsidRPr="005B592D">
        <w:rPr>
          <w:rFonts w:ascii="Courier New" w:hAnsi="Courier New" w:cs="Courier New"/>
        </w:rPr>
        <w:t>leveljcn2\levelfollow0\levelstartat1\levelspace360\levelindent0{\leveltext\leveltemplateid6769871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5.;}{\levelnumbers\'01;}\fi-180\li4320\jclisttab\tx4320\lin4320 }{\listlevel\levelnfc0\levelnfcn0\leveljc0\leveljcn0\levelfollow0\levelstartat1\level</w:t>
      </w:r>
      <w:r w:rsidRPr="005B592D">
        <w:rPr>
          <w:rFonts w:ascii="Courier New" w:hAnsi="Courier New" w:cs="Courier New"/>
        </w:rPr>
        <w:t>space360\levelindent0{\leveltext\leveltemplateid67698703\'02\'06.;}{\levelnumbers\'01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360\li5040\jclisttab\tx5040\lin5040 }{\listlevel\levelnfc4\levelnfcn4\leveljc0\leveljcn0\levelfollow0\levelstartat1\levelspace360\levelindent0{\leveltext\leveltemp</w:t>
      </w:r>
      <w:r w:rsidRPr="005B592D">
        <w:rPr>
          <w:rFonts w:ascii="Courier New" w:hAnsi="Courier New" w:cs="Courier New"/>
        </w:rPr>
        <w:t>lateid67698713\'02\'07.;}{\levelnumbers\'01;}\fi-360\li5760\jclisttab\tx5760\lin576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\levelnfcn2\leveljc2\leveljcn2\levelfollow0\levelstartat1\levelspace360\levelindent0{\leveltext\leveltemplateid67698715\'02\'08.;}{\levelnumbers\'0</w:t>
      </w:r>
      <w:r w:rsidRPr="005B592D">
        <w:rPr>
          <w:rFonts w:ascii="Courier New" w:hAnsi="Courier New" w:cs="Courier New"/>
        </w:rPr>
        <w:t>1;}\fi-180\li6480\jclisttab\tx6480\lin6480 }{\listname ;}\listid559556222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\listtemplateid-1891626828\listhybrid{\listlevel\levelnfc23\levelnfcn23\leveljc0\leveljcn0\levelfollow0\levelstartat1\levelspace360\levelindent0{\leveltext\leveltemplateid676</w:t>
      </w:r>
      <w:r w:rsidRPr="005B592D">
        <w:rPr>
          <w:rFonts w:ascii="Courier New" w:hAnsi="Courier New" w:cs="Courier New"/>
        </w:rPr>
        <w:t>98689\'01\u-3913 ?;}{\levelnumbers;}\f3\fbias0 \fi-360\li108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1080\lin1080 }{\listlevel\levelnfc23\levelnfcn23\leveljc0\leveljcn0\levelfollow0\levelstartat1\levelspace360\levelindent0{\leveltext\leveltemplateid67698691\'01o;}{\levelnumbers;}\</w:t>
      </w:r>
      <w:r w:rsidRPr="005B592D">
        <w:rPr>
          <w:rFonts w:ascii="Courier New" w:hAnsi="Courier New" w:cs="Courier New"/>
        </w:rPr>
        <w:t>f2\fbias0 \fi-360\li1800\jclisttab\tx1800\lin180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3\levelnfcn23\leveljc0\leveljcn0\levelfollow0\levelstartat1\levelspace360\levelindent0{\leveltext\leveltemplateid67698693\'01\u-3929 ?;}{\levelnumbers;}\f10\fbias0 \fi-360\li2520\jcl</w:t>
      </w:r>
      <w:r w:rsidRPr="005B592D">
        <w:rPr>
          <w:rFonts w:ascii="Courier New" w:hAnsi="Courier New" w:cs="Courier New"/>
        </w:rPr>
        <w:t>isttab\tx2520\lin2520 }{\listlevel\levelnfc23\levelnfcn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360\levelindent0{\leveltext\leveltemplateid67698689\'01\u-3913 ?;}{\levelnumbers;}\f3\fbias0 \fi-360\li3240\jclisttab\tx3240\lin3240 }{\list</w:t>
      </w:r>
      <w:r w:rsidRPr="005B592D">
        <w:rPr>
          <w:rFonts w:ascii="Courier New" w:hAnsi="Courier New" w:cs="Courier New"/>
        </w:rPr>
        <w:t>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691\'01o;}{\levelnumbers;}\f2\fbias0 \fi-360\li3960\jclisttab\tx3960\lin3960 }{\listlevel\levelnfc23\levelnfcn23\leveljc0</w:t>
      </w:r>
      <w:r w:rsidRPr="005B592D">
        <w:rPr>
          <w:rFonts w:ascii="Courier New" w:hAnsi="Courier New" w:cs="Courier New"/>
        </w:rPr>
        <w:t>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93\'01\u-3929 ?;}{\levelnumbers;}\f10\fbias0 \fi-360\li4680\jclisttab\tx4680\lin4680 }{\listlevel\levelnfc23\levelnfcn23\leveljc0\leveljcn0\levelfollow0\leve</w:t>
      </w:r>
      <w:r w:rsidRPr="005B592D">
        <w:rPr>
          <w:rFonts w:ascii="Courier New" w:hAnsi="Courier New" w:cs="Courier New"/>
        </w:rPr>
        <w:t>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89\'01\u-3913 ?;}{\levelnumbers;}\f3\fbias0 \fi-360\li5400\jclisttab\tx5400\lin5400 }{\listlevel\levelnfc23\levelnfcn23\leveljc0\leveljcn0\levelfollow0\levelstartat1\levelspace360\level</w:t>
      </w:r>
      <w:r w:rsidRPr="005B592D">
        <w:rPr>
          <w:rFonts w:ascii="Courier New" w:hAnsi="Courier New" w:cs="Courier New"/>
        </w:rPr>
        <w:t>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fi-360\li6120\jclisttab\tx6120\lin6120 }{\listlevel\levelnfc23\levelnfcn23\leveljc0\leveljcn0\levelfollow0\levelstartat1\levelspace360\levelindent0{\leveltext\leveltemplateid676</w:t>
      </w:r>
      <w:r w:rsidRPr="005B592D">
        <w:rPr>
          <w:rFonts w:ascii="Courier New" w:hAnsi="Courier New" w:cs="Courier New"/>
        </w:rPr>
        <w:t>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6840\jclisttab\tx6840\lin6840 }{\listname ;}\listid596014069}{\list\listtemplateid-1151807448\listsimple{\listlevel\levelnfc23\levelnfcn23\leveljc0\leveljcn0\levelfollow0\levelstartat12\levelspace</w:t>
      </w:r>
      <w:r w:rsidRPr="005B592D">
        <w:rPr>
          <w:rFonts w:ascii="Courier New" w:hAnsi="Courier New" w:cs="Courier New"/>
        </w:rPr>
        <w:t>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'01\u-3913 ?;}{\levelnumbers;}\f3\fbias0 \fi-720\li720\jclisttab\tx720\lin720 }{\listname ;}\listid626664706}{\list\listtemplateid1045883214\listhybrid{\listlevel\levelnfc23\levelnfcn23\leveljc0\leveljcn0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</w:t>
      </w:r>
      <w:r w:rsidRPr="005B592D">
        <w:rPr>
          <w:rFonts w:ascii="Courier New" w:hAnsi="Courier New" w:cs="Courier New"/>
        </w:rPr>
        <w:t>rtat1\levelspace360\levelindent0{\leveltext\leveltemplateid67698689\'01\u-3913 ?;}{\levelnumbers;}\f3\fbias0 \fi-360\li1324\jclisttab\tx1324\lin1324 }{\listlevel\levelnfc23\levelnfcn23\leveljc0\leveljcn0\levelfollow0\levelstartat1\levelspace3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</w:t>
      </w:r>
      <w:r w:rsidRPr="005B592D">
        <w:rPr>
          <w:rFonts w:ascii="Courier New" w:hAnsi="Courier New" w:cs="Courier New"/>
        </w:rPr>
        <w:t>nt0{\leveltext\leveltemplateid67698691\'01o;}{\levelnumbers;}\f2\fbias0 \fi-360\li2044\jclisttab\tx2044\lin2044 }{\listlevel\levelnfc23\levelnfcn23\leveljc0\leveljcn0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</w:t>
      </w:r>
      <w:r w:rsidRPr="005B592D">
        <w:rPr>
          <w:rFonts w:ascii="Courier New" w:hAnsi="Courier New" w:cs="Courier New"/>
        </w:rPr>
        <w:t>3\'01\u-3929 ?;}{\levelnumbers;}\f10\fbias0 \fi-360\li2764\jclisttab\tx2764\lin2764 }{\listlevel\levelnfc23\levelnfcn23\leveljc0\leveljcn0\levelfollow0\levelstartat1\levelspace360\levelindent0{\leveltext\leveltemplateid6769868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13 ?;}{\levelnumbe</w:t>
      </w:r>
      <w:r w:rsidRPr="005B592D">
        <w:rPr>
          <w:rFonts w:ascii="Courier New" w:hAnsi="Courier New" w:cs="Courier New"/>
        </w:rPr>
        <w:t>rs;}\f3\fbias0 \fi-360\li3484\jclisttab\tx3484\lin3484 }{\listlevel\levelnfc23\levelnfcn23\leveljc0\leveljcn0\levelfollow0\levelstartat1\levelspace360\levelindent0{\leveltext\leveltemplateid67698691\'01o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2\fbias0 \fi-360\li4204\jclistt</w:t>
      </w:r>
      <w:r w:rsidRPr="005B592D">
        <w:rPr>
          <w:rFonts w:ascii="Courier New" w:hAnsi="Courier New" w:cs="Courier New"/>
        </w:rPr>
        <w:t>ab\tx4204\lin4204 }{\listlevel\levelnfc23\levelnfcn23\leveljc0\leveljcn0\levelfollow0\levelstartat1\levelspace360\levelindent0{\leveltext\leveltemplateid67698693\'01\u-3929 ?;}{\levelnumbers;}\f10\fbias0 \fi-360\li492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4924\lin4924 }{\listlev</w:t>
      </w:r>
      <w:r w:rsidRPr="005B592D">
        <w:rPr>
          <w:rFonts w:ascii="Courier New" w:hAnsi="Courier New" w:cs="Courier New"/>
        </w:rPr>
        <w:t>el\levelnfc23\levelnfcn23\leveljc0\leveljcn0\levelfollow0\levelstartat1\levelspace360\levelindent0{\leveltext\leveltemplateid67698689\'01\u-3913 ?;}{\levelnumbers;}\f3\fbias0 \fi-360\li5644\jclisttab\tx5644\lin5644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</w:t>
      </w:r>
      <w:r w:rsidRPr="005B592D">
        <w:rPr>
          <w:rFonts w:ascii="Courier New" w:hAnsi="Courier New" w:cs="Courier New"/>
        </w:rPr>
        <w:t>eljc0\leveljcn0\levelfollow0\levelstartat1\levelspace360\levelindent0{\leveltext\leveltemplateid67698691\'01o;}{\levelnumbers;}\f2\fbias0 \fi-360\li6364\jclisttab\tx6364\lin6364 }{\listlevel\levelnfc23\levelnfcn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</w:t>
      </w:r>
      <w:r w:rsidRPr="005B592D">
        <w:rPr>
          <w:rFonts w:ascii="Courier New" w:hAnsi="Courier New" w:cs="Courier New"/>
        </w:rPr>
        <w:t>rtat1\levelspace360\levelindent0{\leveltext\leveltemplateid67698693\'01\u-3929 ?;}{\levelnumbers;}\f10\fbias0 \fi-360\li7084\jclisttab\tx7084\lin7084 }{\listname ;}\listid633944535}{\list\listtemplateid56886028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</w:t>
      </w:r>
      <w:r w:rsidRPr="005B592D">
        <w:rPr>
          <w:rFonts w:ascii="Courier New" w:hAnsi="Courier New" w:cs="Courier New"/>
        </w:rPr>
        <w:t>eveljcn0\levelfollow0\levelstartat3\levelspace0\levelindent0{\leveltext\'01\'00;}{\levelnumbers\'01;}\fbias0 \fi-720\li720\jclisttab\tx720\lin720 }{\listlevel\levelnfc0\levelnfcn0\leveljc0\leveljcn0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rtat1\levelspace0\levelindent0{\le</w:t>
      </w:r>
      <w:r w:rsidRPr="005B592D">
        <w:rPr>
          <w:rFonts w:ascii="Courier New" w:hAnsi="Courier New" w:cs="Courier New"/>
        </w:rPr>
        <w:t>veltext\'03\'00.\'01;}{\levelnumbers\'01\'03;}\fbias0 \fi-720\li1080\jclisttab\tx1080\lin1080 }{\listlevel\levelnfc0\levelnfcn0\leveljc0\leveljcn0\levelfollow0\levelstartat3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5\'00.\'01.\'02;}{\levelnumbers\'01\'03\'0</w:t>
      </w:r>
      <w:r w:rsidRPr="005B592D">
        <w:rPr>
          <w:rFonts w:ascii="Courier New" w:hAnsi="Courier New" w:cs="Courier New"/>
        </w:rPr>
        <w:t>5;}\fbias0 \fi-720\li1440\jclisttab\tx1440\lin1440 }{\listlevel\levelnfc0\levelnfcn0\leveljc0\leveljcn0\levelfollow0\levelstartat1\levelspace0\levelindent0{\leveltext\'07\'00.\'01.\'02.\'03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'03\'05\'07;}\fbias0 \fi-1080\li2160\jclistt</w:t>
      </w:r>
      <w:r w:rsidRPr="005B592D">
        <w:rPr>
          <w:rFonts w:ascii="Courier New" w:hAnsi="Courier New" w:cs="Courier New"/>
        </w:rPr>
        <w:t>ab\tx2160\lin2160 }{\listlevel\levelnfc0\levelnfcn0\leveljc0\leveljcn0\levelfollow0\levelstartat1\levelspace0\levelindent0{\leveltext\'09\'00.\'01.\'02.\'03.\'04;}{\levelnumbers\'01\'03\'05\'07\'09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bias0 \fi-1080\li2520\jclisttab\tx2520\lin2520 }{\lis</w:t>
      </w:r>
      <w:r w:rsidRPr="005B592D">
        <w:rPr>
          <w:rFonts w:ascii="Courier New" w:hAnsi="Courier New" w:cs="Courier New"/>
        </w:rPr>
        <w:t xml:space="preserve">tlevel\levelnfc0\levelnfcn0\leveljc0\leveljcn0\levelfollow0\levelstartat1\levelspace0\levelindent0{\leveltext\'0b\'00.\'01.\'02.\'03.\'04.\'05;}{\levelnumbers\'01\'03\'05\'07\'09\'0b;}\fbias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1440\li3240\jclisttab\tx3240\lin3240 }{\listlevel\levelnfc</w:t>
      </w:r>
      <w:r w:rsidRPr="005B592D">
        <w:rPr>
          <w:rFonts w:ascii="Courier New" w:hAnsi="Courier New" w:cs="Courier New"/>
        </w:rPr>
        <w:t xml:space="preserve">0\levelnfcn0\leveljc0\leveljcn0\levelfollow0\levelstartat1\levelspace0\levelindent0{\leveltext\'0d\'00.\'01.\'02.\'03.\'04.\'05.\'06;}{\levelnumbers\'01\'03\'05\'07\'09\'0b\'0d;}\fbias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1440\li3600\jclisttab\tx3600\lin3600 }{\listlevel\levelnfc0\leve</w:t>
      </w:r>
      <w:r w:rsidRPr="005B592D">
        <w:rPr>
          <w:rFonts w:ascii="Courier New" w:hAnsi="Courier New" w:cs="Courier New"/>
        </w:rPr>
        <w:t>lnfcn0\leveljc0\leveljcn0\levelfollow0\levelstartat1\levelspace0\levelindent0{\leveltext\'0f\'00.\'01.\'02.\'03.\'04.\'05.\'06.\'07;}{\levelnumbers\'01\'03\'05\'07\'09\'0b\'0d\'0f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bias0 \fi-1800\li4320\jclisttab\tx4320\lin4320 }{\listlevel\levelnfc0\l</w:t>
      </w:r>
      <w:r w:rsidRPr="005B592D">
        <w:rPr>
          <w:rFonts w:ascii="Courier New" w:hAnsi="Courier New" w:cs="Courier New"/>
        </w:rPr>
        <w:t>evelnfcn0\leveljc0\leveljcn0\levelfollow0\levelstartat1\levelspace0\levelindent0{\leveltext\'11\'00.\'01.\'02.\'03.\'04.\'05.\'06.\'07.\'08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'01\'03\'05\'07\'09\'0b\'0d\'0f\'11;}\fbias0 \fi-1800\li4680\jclisttab\tx4680\lin4680 }{\listname </w:t>
      </w:r>
      <w:r w:rsidRPr="005B592D">
        <w:rPr>
          <w:rFonts w:ascii="Courier New" w:hAnsi="Courier New" w:cs="Courier New"/>
        </w:rPr>
        <w:t>;}\listid634874964}{\list\listtemplateid665513330\listhybrid{\listlevel\levelnfc23\levelnfcn23\leveljc0\leveljcn0\levelfollow0\levelstartat1\levelspace3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689\'01\u-3913 ?;}{\levelnumbers;}\f3\fbias0 \fi-360\li</w:t>
      </w:r>
      <w:r w:rsidRPr="005B592D">
        <w:rPr>
          <w:rFonts w:ascii="Courier New" w:hAnsi="Courier New" w:cs="Courier New"/>
        </w:rPr>
        <w:t>720\jclisttab\tx720\lin720 }{\listlevel\levelnfc23\levelnfcn23\leveljc0\leveljcn0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fi-360\li1440\jclisttab\tx1440\lin1440 }{\listlev</w:t>
      </w:r>
      <w:r w:rsidRPr="005B592D">
        <w:rPr>
          <w:rFonts w:ascii="Courier New" w:hAnsi="Courier New" w:cs="Courier New"/>
        </w:rPr>
        <w:t>el\levelnfc23\levelnfcn23\leveljc0\leveljcn0\levelfollow0\levelstartat1\levelspace360\levelindent0{\leveltext\lev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2160\jclisttab\tx2160\lin2160 }{\listlevel\levelnfc23\levelnfcn23\le</w:t>
      </w:r>
      <w:r w:rsidRPr="005B592D">
        <w:rPr>
          <w:rFonts w:ascii="Courier New" w:hAnsi="Courier New" w:cs="Courier New"/>
        </w:rPr>
        <w:t>veljc0\leveljcn0\levelfollow0\levelstartat1\levelspace360\levelindent0{\leveltext\leveltemplateid67698689\'01\u-3913 ?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f3\fbias0 \fi-360\li2880\jclisttab\tx2880\lin2880 }{\listlevel\levelnfc23\levelnfcn23\leveljc0\leveljcn0\levelfollow0</w:t>
      </w:r>
      <w:r w:rsidRPr="005B592D">
        <w:rPr>
          <w:rFonts w:ascii="Courier New" w:hAnsi="Courier New" w:cs="Courier New"/>
        </w:rPr>
        <w:t>\levelstartat1\levelspace360\levelindent0{\leveltext\leveltemplateid67698691\'01o;}{\levelnumbers;}\f2\fbias0 \fi-360\li36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3600\lin3600 }{\listlevel\levelnfc23\levelnfcn23\leveljc0\leveljcn0\levelfollow0\levelstartat1\levelspace360\levelind</w:t>
      </w:r>
      <w:r w:rsidRPr="005B592D">
        <w:rPr>
          <w:rFonts w:ascii="Courier New" w:hAnsi="Courier New" w:cs="Courier New"/>
        </w:rPr>
        <w:t>ent0{\leveltext\leveltemplateid67698693\'01\u-3929 ?;}{\levelnumbers;}\f10\fbias0 \fi-360\li4320\jclisttab\tx4320\lin432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eljc0\leveljcn0\levelfollow0\levelstartat1\levelspace360\levelindent0{\leveltext\leveltemplat</w:t>
      </w:r>
      <w:r w:rsidRPr="005B592D">
        <w:rPr>
          <w:rFonts w:ascii="Courier New" w:hAnsi="Courier New" w:cs="Courier New"/>
        </w:rPr>
        <w:t>eid67698689\'01\u-3913 ?;}{\levelnumbers;}\f3\fbias0 \fi-360\li5040\jclisttab\tx5040\lin5040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360\levelindent0{\leveltext\leveltemplateid67698691\'01o;}{\levelnumb</w:t>
      </w:r>
      <w:r w:rsidRPr="005B592D">
        <w:rPr>
          <w:rFonts w:ascii="Courier New" w:hAnsi="Courier New" w:cs="Courier New"/>
        </w:rPr>
        <w:t>ers;}\f2\fbias0 \fi-360\li5760\jclisttab\tx5760\lin576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693\'01\u-3929 ?;}{\levelnumbers;}\f10\fbias0 \fi-360\li64</w:t>
      </w:r>
      <w:r w:rsidRPr="005B592D">
        <w:rPr>
          <w:rFonts w:ascii="Courier New" w:hAnsi="Courier New" w:cs="Courier New"/>
        </w:rPr>
        <w:t>80\jclisttab\tx6480\lin6480 }{\listname ;}\listid688723769}{\list\listtemplateid1500940768\listhybri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lfollow0\levelstartat1\levelspace0\levelindent0{\leveltext\leveltemplateid67698703\'02\'00.;}{\le</w:t>
      </w:r>
      <w:r w:rsidRPr="005B592D">
        <w:rPr>
          <w:rFonts w:ascii="Courier New" w:hAnsi="Courier New" w:cs="Courier New"/>
        </w:rPr>
        <w:t>velnumbers\'01;}\fbias0 \fi-360\li720\jclisttab\tx720\lin720 }{\listlevel\levelnfc4\levelnfcn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0\levelindent0{\leveltext\leveltemplateid67698713\'02\'01.;}{\levelnumbers\'01;}\fi-360\li1440\jclistta</w:t>
      </w:r>
      <w:r w:rsidRPr="005B592D">
        <w:rPr>
          <w:rFonts w:ascii="Courier New" w:hAnsi="Courier New" w:cs="Courier New"/>
        </w:rPr>
        <w:t>b\tx1440\lin1440 }{\listlevel\levelnfc2\levelnfcn2\leveljc2\leveljcn2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rtat1\levelspace0\levelindent0{\leveltext\leveltemplateid67698715\'02\'02.;}{\levelnumbers\'01;}\fi-180\li2160\jclisttab\tx2160\lin2160 }{\listlevel\levelnfc0\leve</w:t>
      </w:r>
      <w:r w:rsidRPr="005B592D">
        <w:rPr>
          <w:rFonts w:ascii="Courier New" w:hAnsi="Courier New" w:cs="Courier New"/>
        </w:rPr>
        <w:t>lnfcn0\leveljc0\leveljcn0\lev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703\'02\'03.;}{\levelnumbers\'01;}\fi-360\li2880\jclisttab\tx2880\lin2880 }{\listlevel\levelnfc4\levelnfcn4\leveljc0\leveljcn0\levelfollow0\level</w:t>
      </w:r>
      <w:r w:rsidRPr="005B592D">
        <w:rPr>
          <w:rFonts w:ascii="Courier New" w:hAnsi="Courier New" w:cs="Courier New"/>
        </w:rPr>
        <w:t>startat1\levelspace0\levelindent0{\leveltext\leveltemplateid676987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4.;}{\levelnumbers\'01;}\fi-360\li3600\jclisttab\tx3600\lin3600 }{\listlevel\levelnfc2\levelnfcn2\leveljc2\leveljcn2\levelfollow0\levelstartat1\levelspace0\levelindent0{\leveltext</w:t>
      </w:r>
      <w:r w:rsidRPr="005B592D">
        <w:rPr>
          <w:rFonts w:ascii="Courier New" w:hAnsi="Courier New" w:cs="Courier New"/>
        </w:rPr>
        <w:t>\leveltemplateid67698715\'02\'05.;}{\levelnumbers\'01;}\fi-180\li432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4320\lin4320 }{\listlevel\levelnfc0\levelnfcn0\leveljc0\leveljcn0\levelfollow0\levelstartat1\levelspace0\levelindent0{\leveltext\leveltemplateid67698703\'02\'06.;}{\levelnu</w:t>
      </w:r>
      <w:r w:rsidRPr="005B592D">
        <w:rPr>
          <w:rFonts w:ascii="Courier New" w:hAnsi="Courier New" w:cs="Courier New"/>
        </w:rPr>
        <w:t>mbers\'01;}\fi-360\li5040\jclisttab\tx5040\lin504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4\levelnfcn4\leveljc0\leveljcn0\levelfollow0\levelstartat1\levelspace0\levelindent0{\leveltext\leveltemplateid67698713\'02\'07.;}{\levelnumbers\'01;}\fi-360\li5760\jclisttab\tx5760\l</w:t>
      </w:r>
      <w:r w:rsidRPr="005B592D">
        <w:rPr>
          <w:rFonts w:ascii="Courier New" w:hAnsi="Courier New" w:cs="Courier New"/>
        </w:rPr>
        <w:t>in5760 }{\listlevel\levelnfc2\levelnfcn2\leveljc2\leveljcn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715\'02\'08.;}{\levelnumbers\'01;}\fi-180\li6480\jclisttab\tx6480\lin6480 }{\listname ;}\listid700984213}{\list</w:t>
      </w:r>
      <w:r w:rsidRPr="005B592D">
        <w:rPr>
          <w:rFonts w:ascii="Courier New" w:hAnsi="Courier New" w:cs="Courier New"/>
        </w:rPr>
        <w:t>\listtemplateid453380136\listhybrid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360\levelindent0{\leveltext\leveltemplateid67698689\'01\u-3913 ?;}{\levelnumbers;}\f3\fbias0 \fi-360\li1080\jclisttab\tx1080\lin</w:t>
      </w:r>
      <w:r w:rsidRPr="005B592D">
        <w:rPr>
          <w:rFonts w:ascii="Courier New" w:hAnsi="Courier New" w:cs="Courier New"/>
        </w:rPr>
        <w:t>1080 }{\listlevel\levelnfc23\levelnfcn23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space360\levelindent0{\leveltext\leveltemplateid67698691\'01o;}{\levelnumbers;}\f2\fbias0 \fi-360\li1800\jclisttab\tx1800\lin1800 }{\listlevel\levelnfc23\levelnfc</w:t>
      </w:r>
      <w:r w:rsidRPr="005B592D">
        <w:rPr>
          <w:rFonts w:ascii="Courier New" w:hAnsi="Courier New" w:cs="Courier New"/>
        </w:rPr>
        <w:t>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93\'01\u-3929 ?;}{\levelnumbers;}\f10\fbias0 \fi-360\li2520\jclisttab\tx2520\lin2520 }{\listlevel\levelnfc23\levelnfcn23\leveljc0\leveljcn0\level</w:t>
      </w:r>
      <w:r w:rsidRPr="005B592D">
        <w:rPr>
          <w:rFonts w:ascii="Courier New" w:hAnsi="Courier New" w:cs="Courier New"/>
        </w:rPr>
        <w:t>follow0\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89\'01\u-3913 ?;}{\levelnumbers;}\f3\fbias0 \fi-360\li3240\jclisttab\tx3240\lin3240 }{\listlevel\levelnfc23\levelnfcn23\leveljc0\leveljcn0\levelfollow0\levelstartat1\levelsp</w:t>
      </w:r>
      <w:r w:rsidRPr="005B592D">
        <w:rPr>
          <w:rFonts w:ascii="Courier New" w:hAnsi="Courier New" w:cs="Courier New"/>
        </w:rPr>
        <w:t>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fi-360\li3960\jclisttab\tx3960\lin3960 }{\listlevel\levelnfc23\levelnfcn23\leveljc0\leveljcn0\levelfollow0\levelstartat1\levelspace360\levelindent0{\leveltext\levelt</w:t>
      </w:r>
      <w:r w:rsidRPr="005B592D">
        <w:rPr>
          <w:rFonts w:ascii="Courier New" w:hAnsi="Courier New" w:cs="Courier New"/>
        </w:rPr>
        <w:t>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4680\jclisttab\tx4680\lin4680 }{\listlevel\levelnfc23\levelnfcn23\leveljc0\leveljcn0\levelfollow0\levelstartat1\levelspace360\levelindent0{\leveltext\leveltemplateid67698689\'01\u-3913</w:t>
      </w:r>
      <w:r w:rsidRPr="005B592D">
        <w:rPr>
          <w:rFonts w:ascii="Courier New" w:hAnsi="Courier New" w:cs="Courier New"/>
        </w:rPr>
        <w:t xml:space="preserve"> ?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f3\fbias0 \fi-360\li5400\jclisttab\tx5400\lin5400 }{\listlevel\levelnfc23\levelnfcn23\leveljc0\leveljcn0\levelfollow0\levelstartat1\levelspace360\levelindent0{\leveltext\leveltemplateid67698691\'01o;}{\levelnumbers;}\f2\fbias0 \fi-36</w:t>
      </w:r>
      <w:r w:rsidRPr="005B592D">
        <w:rPr>
          <w:rFonts w:ascii="Courier New" w:hAnsi="Courier New" w:cs="Courier New"/>
        </w:rPr>
        <w:t>0\li612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6120\lin6120 }{\listlevel\levelnfc23\levelnfcn23\leveljc0\leveljcn0\levelfollow0\levelstartat1\levelspace360\levelindent0{\leveltext\leveltemplateid67698693\'01\u-3929 ?;}{\levelnumbers;}\f10\fbias0 \fi-360\li6840\jclisttab\tx6840\li</w:t>
      </w:r>
      <w:r w:rsidRPr="005B592D">
        <w:rPr>
          <w:rFonts w:ascii="Courier New" w:hAnsi="Courier New" w:cs="Courier New"/>
        </w:rPr>
        <w:t>n684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name ;}\listid750584258}{\list\listtemplateid1880899338\listhybrid{\listlevel\levelnfc23\levelnfcn23\leveljc0\leveljcn0\levelfollow0\levelstartat1\levelspace360\levelindent0{\leveltext\leveltemplateid67698689\'01\u-3913 ?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3\fbias0 \fi-360\li1146\jclisttab\tx1146\lin1146 }{\listlevel\levelnfc23\levelnfcn23\leveljc0\leveljcn0\levelfollow0\levelstartat1\levelspace360\levelindent0{\leveltext\leveltemplateid67698691\'01o;}{\levelnumbers;}\f2\fbias0 \fi-360\li186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</w:t>
      </w:r>
      <w:r w:rsidRPr="005B592D">
        <w:rPr>
          <w:rFonts w:ascii="Courier New" w:hAnsi="Courier New" w:cs="Courier New"/>
        </w:rPr>
        <w:t>x1866\lin1866 }{\listlevel\levelnfc23\levelnfcn23\leveljc0\leveljcn0\levelfollow0\levelstartat1\levelspace360\levelindent0{\leveltext\leveltemplateid67698693\'01\u-3929 ?;}{\levelnumbers;}\f10\fbias0 \fi-360\li2586\jclisttab\tx2586\lin2586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</w:t>
      </w:r>
      <w:r w:rsidRPr="005B592D">
        <w:rPr>
          <w:rFonts w:ascii="Courier New" w:hAnsi="Courier New" w:cs="Courier New"/>
        </w:rPr>
        <w:t>evelnfc23\levelnfcn23\leveljc0\leveljcn0\levelfollow0\levelstartat1\levelspace360\levelindent0{\leveltext\leveltemplateid67698689\'01\u-3913 ?;}{\levelnumbers;}\f3\fbias0 \fi-360\li3306\jclisttab\tx3306\lin3306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</w:t>
      </w:r>
      <w:r w:rsidRPr="005B592D">
        <w:rPr>
          <w:rFonts w:ascii="Courier New" w:hAnsi="Courier New" w:cs="Courier New"/>
        </w:rPr>
        <w:t>0\leveljcn0\levelfollow0\levelstartat1\levelspace360\levelindent0{\leveltext\leveltemplateid67698691\'01o;}{\levelnumbers;}\f2\fbias0 \fi-360\li4026\jclisttab\tx4026\lin4026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</w:t>
      </w:r>
      <w:r w:rsidRPr="005B592D">
        <w:rPr>
          <w:rFonts w:ascii="Courier New" w:hAnsi="Courier New" w:cs="Courier New"/>
        </w:rPr>
        <w:t>1\levelspace360\levelindent0{\leveltext\leveltemplateid67698693\'01\u-3929 ?;}{\levelnumbers;}\f10\fbias0 \fi-360\li4746\jclisttab\tx4746\lin4746 }{\li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</w:t>
      </w:r>
      <w:r w:rsidRPr="005B592D">
        <w:rPr>
          <w:rFonts w:ascii="Courier New" w:hAnsi="Courier New" w:cs="Courier New"/>
        </w:rPr>
        <w:t>{\leveltext\leveltemplateid67698689\'01\u-3913 ?;}{\levelnumbers;}\f3\fbias0 \fi-360\li5466\jclisttab\tx5466\lin5466 }{\listlevel\levelnfc23\levelnfcn23\leveljc0\leveljcn0\levelfollow0\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</w:t>
      </w:r>
      <w:r w:rsidRPr="005B592D">
        <w:rPr>
          <w:rFonts w:ascii="Courier New" w:hAnsi="Courier New" w:cs="Courier New"/>
        </w:rPr>
        <w:t>698691\'01o;}{\levelnumbers;}\f2\fbias0 \fi-360\li6186\jclisttab\tx6186\lin6186 }{\listlevel\levelnfc23\levelnfcn23\leveljc0\leveljcn0\levelfollow0\levelstartat1\levelspace360\levelindent0{\leveltext\lev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</w:t>
      </w:r>
      <w:r w:rsidRPr="005B592D">
        <w:rPr>
          <w:rFonts w:ascii="Courier New" w:hAnsi="Courier New" w:cs="Courier New"/>
        </w:rPr>
        <w:t>\f10\fbias0 \fi-360\li6906\jclisttab\tx6906\lin6906 }{\listname ;}\listid769352735}{\list\listtemplateid-1151807448\listsimple{\listlevel\levelnfc23\levelnfcn23\leveljc0\leveljcn0\levelfollow0\levelstartat12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'01\u-3913</w:t>
      </w:r>
      <w:r w:rsidRPr="005B592D">
        <w:rPr>
          <w:rFonts w:ascii="Courier New" w:hAnsi="Courier New" w:cs="Courier New"/>
        </w:rPr>
        <w:t xml:space="preserve"> ?;}{\levelnumbers;}\f3\fbias0 \fi-720\li720\jclisttab\tx720\lin720 }{\listname ;}\listid784739840}{\list\listtemplateid813845760\listhybrid{\li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</w:t>
      </w:r>
      <w:r w:rsidRPr="005B592D">
        <w:rPr>
          <w:rFonts w:ascii="Courier New" w:hAnsi="Courier New" w:cs="Courier New"/>
        </w:rPr>
        <w:t>text\leveltemplateid67698689\'01\u-3913 ?;}{\levelnumbers;}\f3\fbias0 \fi-360\li1713\jclisttab\tx1713\lin1713 }{\listlevel\levelnfc23\levelnfcn23\leveljc0\leveljcn0\levelfollow0\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91\</w:t>
      </w:r>
      <w:r w:rsidRPr="005B592D">
        <w:rPr>
          <w:rFonts w:ascii="Courier New" w:hAnsi="Courier New" w:cs="Courier New"/>
        </w:rPr>
        <w:t>'01o;}{\levelnumbers;}\f2\fbias0 \fi-360\li2433\jclisttab\tx2433\lin2433 }{\listlevel\levelnfc23\levelnfcn23\leveljc0\leveljcn0\levelfollow0\levelstartat1\levelspace360\levelindent0{\leveltext\lev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</w:t>
      </w:r>
      <w:r w:rsidRPr="005B592D">
        <w:rPr>
          <w:rFonts w:ascii="Courier New" w:hAnsi="Courier New" w:cs="Courier New"/>
        </w:rPr>
        <w:t>ias0 \fi-360\li3153\jclisttab\tx3153\lin3153 }{\listlevel\levelnfc23\levelnfcn23\leveljc0\leveljcn0\levelfollow0\levelstartat1\levelspace360\levelindent0{\leveltext\leveltemplateid67698689\'01\u-3913 ?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f3\fbias0 \fi-360\li3873\jclisttab</w:t>
      </w:r>
      <w:r w:rsidRPr="005B592D">
        <w:rPr>
          <w:rFonts w:ascii="Courier New" w:hAnsi="Courier New" w:cs="Courier New"/>
        </w:rPr>
        <w:t>\tx3873\lin3873 }{\listlevel\levelnfc23\levelnfcn23\leveljc0\leveljcn0\levelfollow0\levelstartat1\levelspace360\levelindent0{\leveltext\leveltemplateid67698691\'01o;}{\levelnumbers;}\f2\fbias0 \fi-360\li45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4593\lin4593 }{\listlevel\levelnfc</w:t>
      </w:r>
      <w:r w:rsidRPr="005B592D">
        <w:rPr>
          <w:rFonts w:ascii="Courier New" w:hAnsi="Courier New" w:cs="Courier New"/>
        </w:rPr>
        <w:t>23\levelnfcn23\leveljc0\leveljcn0\levelfollow0\levelstartat1\levelspace360\levelindent0{\leveltext\leveltemplateid67698693\'01\u-3929 ?;}{\levelnumbers;}\f10\fbias0 \fi-360\li5313\jclisttab\tx5313\lin5313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eljc0\leve</w:t>
      </w:r>
      <w:r w:rsidRPr="005B592D">
        <w:rPr>
          <w:rFonts w:ascii="Courier New" w:hAnsi="Courier New" w:cs="Courier New"/>
        </w:rPr>
        <w:t>ljcn0\levelfollow0\levelstartat1\levelspace360\levelindent0{\leveltext\leveltemplateid67698689\'01\u-3913 ?;}{\levelnumbers;}\f3\fbias0 \fi-360\li6033\jclisttab\tx6033\lin6033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</w:t>
      </w:r>
      <w:r w:rsidRPr="005B592D">
        <w:rPr>
          <w:rFonts w:ascii="Courier New" w:hAnsi="Courier New" w:cs="Courier New"/>
        </w:rPr>
        <w:t>at1\levelspace360\levelindent0{\leveltext\leveltemplateid67698691\'01o;}{\levelnumbers;}\f2\fbias0 \fi-360\li6753\jclisttab\tx6753\lin6753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</w:t>
      </w:r>
      <w:r w:rsidRPr="005B592D">
        <w:rPr>
          <w:rFonts w:ascii="Courier New" w:hAnsi="Courier New" w:cs="Courier New"/>
        </w:rPr>
        <w:t>text\leveltemplateid67698693\'01\u-3929 ?;}{\levelnumbers;}\f10\fbias0 \fi-360\li7473\jclisttab\tx7473\lin7473 }{\listname ;}\listid797257764}{\list\listtemplateid1598983750\listhybri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lfollow0\level</w:t>
      </w:r>
      <w:r w:rsidRPr="005B592D">
        <w:rPr>
          <w:rFonts w:ascii="Courier New" w:hAnsi="Courier New" w:cs="Courier New"/>
        </w:rPr>
        <w:t>startat1\levelspace360\levelindent0{\leveltext\leveltemplateid530322754\'02\'00.;}{\levelnumbers\'01;}\b\i0\fbias0 \fi-360\li720\jclisttab\tx720\lin720 }{\listlevel\levelnfc4\levelnfcn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360\levelind</w:t>
      </w:r>
      <w:r w:rsidRPr="005B592D">
        <w:rPr>
          <w:rFonts w:ascii="Courier New" w:hAnsi="Courier New" w:cs="Courier New"/>
        </w:rPr>
        <w:t>ent0{\leveltext\leveltemplateid67698713\'02\'01.;}{\levelnumbers\'01;}\fi-360\li1440\jclisttab\tx1440\lin1440 }{\listlevel\levelnfc2\levelnfcn2\leveljc2\leveljcn2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rtat1\levelspace360\levelindent0{\leveltext\leveltemplateid67698715\'0</w:t>
      </w:r>
      <w:r w:rsidRPr="005B592D">
        <w:rPr>
          <w:rFonts w:ascii="Courier New" w:hAnsi="Courier New" w:cs="Courier New"/>
        </w:rPr>
        <w:t>2\'02.;}{\levelnumbers\'01;}\fi-180\li2160\jclisttab\tx2160\lin2160 }{\listlevel\levelnfc0\levelnfcn0\leveljc0\leveljcn0\levelfollow0\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703\'02\'03.;}{\levelnumbers\'01;}\fi-360\li2880</w:t>
      </w:r>
      <w:r w:rsidRPr="005B592D">
        <w:rPr>
          <w:rFonts w:ascii="Courier New" w:hAnsi="Courier New" w:cs="Courier New"/>
        </w:rPr>
        <w:t>\jclisttab\tx2880\lin2880 }{\listlevel\levelnfc4\levelnfcn4\leveljc0\leveljcn0\levelfollow0\levelstartat1\levelspace360\levelindent0{\leveltext\leveltemplateid676987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4.;}{\levelnumbers\'01;}\fi-360\li3600\jclisttab\tx3600\lin3600 }{\listlevel\lev</w:t>
      </w:r>
      <w:r w:rsidRPr="005B592D">
        <w:rPr>
          <w:rFonts w:ascii="Courier New" w:hAnsi="Courier New" w:cs="Courier New"/>
        </w:rPr>
        <w:t>elnfc2\levelnfcn2\leveljc2\leveljcn2\levelfollow0\levelstartat1\levelspace360\levelindent0{\leveltext\leveltemplateid67698715\'02\'05.;}{\levelnumbers\'01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180\li4320\jclisttab\tx4320\lin4320 }{\listlevel\levelnfc0\levelnfcn0\leveljc0\leveljcn0\level</w:t>
      </w:r>
      <w:r w:rsidRPr="005B592D">
        <w:rPr>
          <w:rFonts w:ascii="Courier New" w:hAnsi="Courier New" w:cs="Courier New"/>
        </w:rPr>
        <w:t>follow0\levelstartat1\levelspace360\levelindent0{\leveltext\leveltemplateid67698703\'02\'06.;}{\levelnumbers\'01;}\fi-360\li5040\jclisttab\tx5040\lin504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4\levelnfcn4\leveljc0\leveljcn0\levelfollow0\levelstartat1\levelspace360\leveli</w:t>
      </w:r>
      <w:r w:rsidRPr="005B592D">
        <w:rPr>
          <w:rFonts w:ascii="Courier New" w:hAnsi="Courier New" w:cs="Courier New"/>
        </w:rPr>
        <w:t>ndent0{\leveltext\leveltemplateid67698713\'02\'07.;}{\levelnumbers\'01;}\fi-360\li5760\jclisttab\tx5760\lin5760 }{\listlevel\levelnfc2\levelnfcn2\leveljc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2\levelfollow0\levelstartat1\levelspace360\levelindent0{\leveltext\leveltemplateid67698715\</w:t>
      </w:r>
      <w:r w:rsidRPr="005B592D">
        <w:rPr>
          <w:rFonts w:ascii="Courier New" w:hAnsi="Courier New" w:cs="Courier New"/>
        </w:rPr>
        <w:t>'02\'08.;}{\levelnumbers\'01;}\fi-180\li6480\jclisttab\tx6480\lin6480 }{\listname ;}\listid804469287}{\list\listtemplateid-1592614894\listhybrid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0\levelnfcn0\leveljc0\leveljcn0\levelfollow0\levelstartat1\levelspace360\levelindent0{\lev</w:t>
      </w:r>
      <w:r w:rsidRPr="005B592D">
        <w:rPr>
          <w:rFonts w:ascii="Courier New" w:hAnsi="Courier New" w:cs="Courier New"/>
        </w:rPr>
        <w:t>eltext\leveltemplateid67698703\'02\'00.;}{\levelnumbers\'01;}\fi-360\li360\jclisttab\tx360\lin360 }{\listlevel\levelnfc4\levelnfcn4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713\'02\'01.;}{\le</w:t>
      </w:r>
      <w:r w:rsidRPr="005B592D">
        <w:rPr>
          <w:rFonts w:ascii="Courier New" w:hAnsi="Courier New" w:cs="Courier New"/>
        </w:rPr>
        <w:t>velnumbers\'01;}\fi-360\li1080\jclisttab\tx1080\lin1080 }{\listlevel\levelnfc2\levelnfcn2\leveljc2\leveljcn2\levelfollow0\levelstartat1\levelspace3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15\'02\'02.;}{\levelnumbers\'01;}\fi-180\li1800\jclisttab\t</w:t>
      </w:r>
      <w:r w:rsidRPr="005B592D">
        <w:rPr>
          <w:rFonts w:ascii="Courier New" w:hAnsi="Courier New" w:cs="Courier New"/>
        </w:rPr>
        <w:t>x1800\lin1800 }{\listlevel\levelnfc0\levelnfcn0\leveljc0\leveljcn0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03\'02\'03.;}{\levelnumbers\'01;}\fi-360\li2520\jclisttab\tx2520\lin2520 }{\listlevel\levelnfc4\level</w:t>
      </w:r>
      <w:r w:rsidRPr="005B592D">
        <w:rPr>
          <w:rFonts w:ascii="Courier New" w:hAnsi="Courier New" w:cs="Courier New"/>
        </w:rPr>
        <w:t>nfcn4\leveljc0\leveljcn0\levelfollow0\levelstartat1\levelspace360\levelindent0{\leveltext\leveltemplateid676987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4.;}{\levelnumbers\'01;}\fi-360\li3240\jclisttab\tx3240\lin3240 }{\listlevel\levelnfc2\levelnfcn2\leveljc2\leveljcn2\levelfollow0\leve</w:t>
      </w:r>
      <w:r w:rsidRPr="005B592D">
        <w:rPr>
          <w:rFonts w:ascii="Courier New" w:hAnsi="Courier New" w:cs="Courier New"/>
        </w:rPr>
        <w:t>lstartat1\levelspace360\levelindent0{\leveltext\leveltemplateid67698715\'02\'05.;}{\levelnumbers\'01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180\li3960\jclisttab\tx3960\lin3960 }{\listlevel\levelnfc0\levelnfcn0\leveljc0\leveljcn0\levelfollow0\levelstartat1\levelspace360\levelindent0{\leve</w:t>
      </w:r>
      <w:r w:rsidRPr="005B592D">
        <w:rPr>
          <w:rFonts w:ascii="Courier New" w:hAnsi="Courier New" w:cs="Courier New"/>
        </w:rPr>
        <w:t>ltext\leveltemplateid67698703\'02\'06.;}{\levelnumbers\'01;}\fi-360\li4680\jclisttab\tx4680\lin468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4\levelnfcn4\leveljc0\leveljcn0\levelfollow0\levelstartat1\levelspace360\levelindent0{\leveltext\leveltemplateid67698713\'02\'07.;}{\</w:t>
      </w:r>
      <w:r w:rsidRPr="005B592D">
        <w:rPr>
          <w:rFonts w:ascii="Courier New" w:hAnsi="Courier New" w:cs="Courier New"/>
        </w:rPr>
        <w:t>levelnumbers\'01;}\fi-360\li5400\jclisttab\tx5400\lin5400 }{\listlevel\levelnfc2\levelnfcn2\leveljc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2\levelfollow0\levelstartat1\levelspace360\levelindent0{\leveltext\leveltemplateid67698715\'02\'08.;}{\levelnumbers\'01;}\fi-180\li6120\jclisttab</w:t>
      </w:r>
      <w:r w:rsidRPr="005B592D">
        <w:rPr>
          <w:rFonts w:ascii="Courier New" w:hAnsi="Courier New" w:cs="Courier New"/>
        </w:rPr>
        <w:t>\tx6120\lin6120 }{\listname ;}\listid808085229}{\list\listtemplateid-1151807448\listsimple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3\levelnfcn23\leveljc0\leveljcn0\levelfollow0\levelstartat12\levelspace0\levelindent0{\leveltext\'01\u-3913 ?;}{\levelnumbers;}\f3\fbias0 \fi-7</w:t>
      </w:r>
      <w:r w:rsidRPr="005B592D">
        <w:rPr>
          <w:rFonts w:ascii="Courier New" w:hAnsi="Courier New" w:cs="Courier New"/>
        </w:rPr>
        <w:t>20\li720\jclisttab\tx720\lin720 }{\listname ;}\listid993678264}{\list\listtemplateid10972317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isthybrid{\listlevel\levelnfc0\levelnfcn0\leveljc0\leveljcn0\levelfollow0\levelstartat1\levelspace0\levelindent0{\leveltext\leveltemplateid67698705\'02\'00);}{</w:t>
      </w:r>
      <w:r w:rsidRPr="005B592D">
        <w:rPr>
          <w:rFonts w:ascii="Courier New" w:hAnsi="Courier New" w:cs="Courier New"/>
        </w:rPr>
        <w:t>\levelnumbers\'01;}\fbias0 \fi-360\li360\jclisttab\tx360\lin360 }{\listlevel\levelnfc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4\leveljc0\leveljcn0\levelfollow0\levelstartat1\levelspace0\levelindent0{\leveltext\leveltemplateid67698713\'02\'01.;}{\levelnumbers\'01;}\fi-360\li1080\jclis</w:t>
      </w:r>
      <w:r w:rsidRPr="005B592D">
        <w:rPr>
          <w:rFonts w:ascii="Courier New" w:hAnsi="Courier New" w:cs="Courier New"/>
        </w:rPr>
        <w:t>ttab\tx1080\lin1080 }{\listlevel\levelnfc2\levelnfcn2\leveljc2\leveljcn2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rtat1\levelspace0\levelindent0{\leveltext\leveltemplateid67698715\'02\'02.;}{\levelnumbers\'01;}\fi-180\li1800\jclisttab\tx1800\lin1800 }{\listlevel\levelnfc0\l</w:t>
      </w:r>
      <w:r w:rsidRPr="005B592D">
        <w:rPr>
          <w:rFonts w:ascii="Courier New" w:hAnsi="Courier New" w:cs="Courier New"/>
        </w:rPr>
        <w:t>evelnfcn0\leveljc0\leveljcn0\lev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703\'02\'03.;}{\levelnumbers\'01;}\fi-360\li2520\jclisttab\tx2520\lin2520 }{\listlevel\levelnfc4\levelnfcn4\leveljc0\leveljcn0\levelfollow0\le</w:t>
      </w:r>
      <w:r w:rsidRPr="005B592D">
        <w:rPr>
          <w:rFonts w:ascii="Courier New" w:hAnsi="Courier New" w:cs="Courier New"/>
        </w:rPr>
        <w:t>velstartat1\levelspace0\levelindent0{\leveltext\leveltemplateid676987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4.;}{\levelnumbers\'01;}\fi-360\li3240\jclisttab\tx3240\lin3240 }{\listlevel\levelnfc2\levelnfcn2\leveljc2\leveljcn2\levelfollow0\levelstartat1\levelspace0\levelindent0{\levelt</w:t>
      </w:r>
      <w:r w:rsidRPr="005B592D">
        <w:rPr>
          <w:rFonts w:ascii="Courier New" w:hAnsi="Courier New" w:cs="Courier New"/>
        </w:rPr>
        <w:t>ext\leveltemplateid67698715\'02\'05.;}{\levelnumbers\'01;}\fi-180\li39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3960\lin3960 }{\listlevel\levelnfc0\levelnfcn0\leveljc0\leveljcn0\levelfollow0\levelstartat1\levelspace0\levelindent0{\leveltext\leveltemplateid67698703\'02\'06.;}{\leve</w:t>
      </w:r>
      <w:r w:rsidRPr="005B592D">
        <w:rPr>
          <w:rFonts w:ascii="Courier New" w:hAnsi="Courier New" w:cs="Courier New"/>
        </w:rPr>
        <w:t>lnumbers\'01;}\fi-360\li4680\jclisttab\tx4680\lin468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4\levelnfcn4\leveljc0\leveljcn0\levelfollow0\levelstartat1\levelspace0\levelindent0{\leveltext\leveltemplateid67698713\'02\'07.;}{\levelnumbers\'01;}\fi-360\li5400\jclisttab\tx540</w:t>
      </w:r>
      <w:r w:rsidRPr="005B592D">
        <w:rPr>
          <w:rFonts w:ascii="Courier New" w:hAnsi="Courier New" w:cs="Courier New"/>
        </w:rPr>
        <w:t>0\lin5400 }{\listlevel\levelnfc2\levelnfcn2\leveljc2\leveljcn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715\'02\'08.;}{\levelnumbers\'01;}\fi-180\li6120\jclisttab\tx6120\lin6120 }{\listname ;}\listid997272364}{\l</w:t>
      </w:r>
      <w:r w:rsidRPr="005B592D">
        <w:rPr>
          <w:rFonts w:ascii="Courier New" w:hAnsi="Courier New" w:cs="Courier New"/>
        </w:rPr>
        <w:t>ist\listtemplateid-2136168984\listhybrid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0\levelindent0{\leveltext\leveltemplateid-521088822\'01\u-3913 ?;}{\levelnumbers;}\f3\cf0\fbias0 \fi-360\li427\jclisttab\tx</w:t>
      </w:r>
      <w:r w:rsidRPr="005B592D">
        <w:rPr>
          <w:rFonts w:ascii="Courier New" w:hAnsi="Courier New" w:cs="Courier New"/>
        </w:rPr>
        <w:t>427\lin427 }{\listlevel\levelnfc23\levelnfcn23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space0\levelindent0{\leveltext\leveltemplateid67698691\'01o;}{\levelnumbers;}\f2\fbias0 \fi-360\li1507\jclisttab\tx1507\lin1507 }{\listlevel\levelnfc23\leve</w:t>
      </w:r>
      <w:r w:rsidRPr="005B592D">
        <w:rPr>
          <w:rFonts w:ascii="Courier New" w:hAnsi="Courier New" w:cs="Courier New"/>
        </w:rPr>
        <w:t>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leveltemplateid67698693\'01\u-3929 ?;}{\levelnumbers;}\f10\fbias0 \fi-360\li2227\jclisttab\tx2227\lin2227 }{\listlevel\levelnfc23\levelnfcn23\leveljc0\leveljcn0\lev</w:t>
      </w:r>
      <w:r w:rsidRPr="005B592D">
        <w:rPr>
          <w:rFonts w:ascii="Courier New" w:hAnsi="Courier New" w:cs="Courier New"/>
        </w:rPr>
        <w:t>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89\'01\u-3913 ?;}{\levelnumbers;}\f3\fbias0 \fi-360\li2947\jclisttab\tx2947\lin2947 }{\listlevel\levelnfc23\levelnfcn23\leveljc0\leveljcn0\levelfollow0\levelstartat1\levelsp</w:t>
      </w:r>
      <w:r w:rsidRPr="005B592D">
        <w:rPr>
          <w:rFonts w:ascii="Courier New" w:hAnsi="Courier New" w:cs="Courier New"/>
        </w:rPr>
        <w:t>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fi-360\li3667\jclisttab\tx3667\lin3667 }{\listlevel\levelnfc23\levelnfcn23\leveljc0\leveljcn0\levelfollow0\levelstartat1\levelspace0\levelindent0{\leveltext\leveltempl</w:t>
      </w:r>
      <w:r w:rsidRPr="005B592D">
        <w:rPr>
          <w:rFonts w:ascii="Courier New" w:hAnsi="Courier New" w:cs="Courier New"/>
        </w:rPr>
        <w:t>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4387\jclisttab\tx4387\lin4387 }{\listlevel\levelnfc23\levelnfcn23\leveljc0\leveljcn0\levelfollow0\levelstartat1\levelspace0\levelindent0{\leveltext\leveltemplateid67698689\'01\u-3913 ?;}{\</w:t>
      </w:r>
      <w:r w:rsidRPr="005B592D">
        <w:rPr>
          <w:rFonts w:ascii="Courier New" w:hAnsi="Courier New" w:cs="Courier New"/>
        </w:rPr>
        <w:t>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3\fbias0 \fi-360\li5107\jclisttab\tx5107\lin5107 }{\listlevel\levelnfc23\levelnfcn23\leveljc0\leveljcn0\levelfollow0\levelstartat1\levelspace0\levelindent0{\leveltext\leveltemplateid67698691\'01o;}{\levelnumbers;}\f2\fbias0 \fi-360\li582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5827\lin5827 }{\listlevel\levelnfc23\levelnfcn23\leveljc0\leveljcn0\levelfollow0\levelstartat1\levelspace0\levelindent0{\leveltext\leveltemplateid67698693\'01\u-3929 ?;}{\levelnumbers;}\f10\fbias0 \fi-360\li6547\jclisttab\tx6547\lin6547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</w:t>
      </w:r>
      <w:r w:rsidRPr="005B592D">
        <w:rPr>
          <w:rFonts w:ascii="Courier New" w:hAnsi="Courier New" w:cs="Courier New"/>
        </w:rPr>
        <w:t>\listname ;}\listid1076632949}{\list\listtemplateid134807553\listsimple{\listlevel\levelnfc23\levelnfcn23\leveljc0\leveljcn0\levelfollow0\levelstartat1\levelspace0\levelindent0{\leveltext\'01\u-3913 ?;}{\levelnumbers;}\f3\fbias0 \fi-360\li3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</w:t>
      </w:r>
      <w:r w:rsidRPr="005B592D">
        <w:rPr>
          <w:rFonts w:ascii="Courier New" w:hAnsi="Courier New" w:cs="Courier New"/>
        </w:rPr>
        <w:t>x360\lin360 }{\listname ;}\listid1083648032}{\list\listtemplateid2085654918\listhybrid{\listlevel\levelnfc23\levelnfcn23\leveljc0\leveljcn0\levelfollow0\levelstartat1\levelspace360\levelindent0{\leveltext\leveltemplateid6769868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13 ?;}{\levelnumb</w:t>
      </w:r>
      <w:r w:rsidRPr="005B592D">
        <w:rPr>
          <w:rFonts w:ascii="Courier New" w:hAnsi="Courier New" w:cs="Courier New"/>
        </w:rPr>
        <w:t>ers;}\f3\fbias0 \fi-360\li1080\jclisttab\tx1080\lin1080 }{\listlevel\levelnfc23\levelnfcn23\leveljc0\leveljcn0\levelfollow0\levelstartat1\levelspace360\levelindent0{\leveltext\leveltemplateid67698691\'01o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2\fbias0 \fi-360\li1800\jclist</w:t>
      </w:r>
      <w:r w:rsidRPr="005B592D">
        <w:rPr>
          <w:rFonts w:ascii="Courier New" w:hAnsi="Courier New" w:cs="Courier New"/>
        </w:rPr>
        <w:t>tab\tx1800\lin1800 }{\listlevel\levelnfc23\levelnfcn23\leveljc0\leveljcn0\levelfollow0\levelstartat1\levelspace360\levelindent0{\leveltext\leveltemplateid67698693\'01\u-3929 ?;}{\levelnumbers;}\f10\fbias0 \fi-360\li252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2520\lin2520 }{\listle</w:t>
      </w:r>
      <w:r w:rsidRPr="005B592D">
        <w:rPr>
          <w:rFonts w:ascii="Courier New" w:hAnsi="Courier New" w:cs="Courier New"/>
        </w:rPr>
        <w:t>vel\levelnfc23\levelnfcn23\leveljc0\leveljcn0\levelfollow0\levelstartat1\levelspace360\levelindent0{\leveltext\leveltemplateid67698689\'01\u-3913 ?;}{\levelnumbers;}\f3\fbias0 \fi-360\li3240\jclisttab\tx3240\lin324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</w:t>
      </w:r>
      <w:r w:rsidRPr="005B592D">
        <w:rPr>
          <w:rFonts w:ascii="Courier New" w:hAnsi="Courier New" w:cs="Courier New"/>
        </w:rPr>
        <w:t>veljc0\leveljcn0\levelfollow0\levelstartat1\levelspace360\levelindent0{\leveltext\leveltemplateid67698691\'01o;}{\levelnumbers;}\f2\fbias0 \fi-360\li3960\jclisttab\tx3960\lin3960 }{\listlevel\levelnfc23\levelnfcn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</w:t>
      </w:r>
      <w:r w:rsidRPr="005B592D">
        <w:rPr>
          <w:rFonts w:ascii="Courier New" w:hAnsi="Courier New" w:cs="Courier New"/>
        </w:rPr>
        <w:t>artat1\levelspace360\levelindent0{\leveltext\leveltemplateid67698693\'01\u-3929 ?;}{\levelnumbers;}\f10\fbias0 \fi-360\li4680\jclisttab\tx4680\lin468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</w:t>
      </w:r>
      <w:r w:rsidRPr="005B592D">
        <w:rPr>
          <w:rFonts w:ascii="Courier New" w:hAnsi="Courier New" w:cs="Courier New"/>
        </w:rPr>
        <w:t>dent0{\leveltext\leveltemplateid67698689\'01\u-3913 ?;}{\levelnumbers;}\f3\fbias0 \fi-360\li5400\jclisttab\tx5400\lin5400 }{\li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</w:t>
      </w:r>
      <w:r w:rsidRPr="005B592D">
        <w:rPr>
          <w:rFonts w:ascii="Courier New" w:hAnsi="Courier New" w:cs="Courier New"/>
        </w:rPr>
        <w:t>eid67698691\'01o;}{\levelnumbers;}\f2\fbias0 \fi-360\li6120\jclisttab\tx6120\lin6120 }{\listlevel\levelnfc23\levelnfcn23\leveljc0\leveljcn0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3\'01\u-3929 ?;}{\levelnumb</w:t>
      </w:r>
      <w:r w:rsidRPr="005B592D">
        <w:rPr>
          <w:rFonts w:ascii="Courier New" w:hAnsi="Courier New" w:cs="Courier New"/>
        </w:rPr>
        <w:t>ers;}\f10\fbias0 \fi-360\li6840\jclisttab\tx6840\lin6840 }{\listname ;}\listid1127896304}{\list\listtemplateid-378762082\listhybrid{\listlevel\levelnfc0\levelnfcn0\leveljc0\leveljcn0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rtat5\levelspace360\levelindent0{\leveltext\levelt</w:t>
      </w:r>
      <w:r w:rsidRPr="005B592D">
        <w:rPr>
          <w:rFonts w:ascii="Courier New" w:hAnsi="Courier New" w:cs="Courier New"/>
        </w:rPr>
        <w:t>emplateid1099312202\'02\'00.;}{\levelnumbers\'01;}\fbias0 \fi-283\li643\jclisttab\tx720\lin643 }{\listlevel\levelnfc4\levelnfcn4\leveljc0\leveljcn0\levelfollow0\levelstartat1\levelspace3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13\'02\'01.;}{\level</w:t>
      </w:r>
      <w:r w:rsidRPr="005B592D">
        <w:rPr>
          <w:rFonts w:ascii="Courier New" w:hAnsi="Courier New" w:cs="Courier New"/>
        </w:rPr>
        <w:t>numbers\'01;}\fi-360\li1440\jclisttab\tx1440\lin1440 }{\listlevel\levelnfc2\levelnfcn2\leveljc2\leveljcn2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5\'02\'02.;}{\levelnumbers\'01;}\fi-180\li2160\jclisttab\tx21</w:t>
      </w:r>
      <w:r w:rsidRPr="005B592D">
        <w:rPr>
          <w:rFonts w:ascii="Courier New" w:hAnsi="Courier New" w:cs="Courier New"/>
        </w:rPr>
        <w:t>60\lin2160 }{\listlevel\levelnfc0\levelnfcn0\leveljc0\leveljcn0\levelfollow0\levelstartat1\levelspace360\levelindent0{\leveltext\leveltemplateid6769870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3.;}{\levelnumbers\'01;}\fi-360\li2880\jclisttab\tx2880\lin2880 }{\listlevel\levelnfc4\levelnfc</w:t>
      </w:r>
      <w:r w:rsidRPr="005B592D">
        <w:rPr>
          <w:rFonts w:ascii="Courier New" w:hAnsi="Courier New" w:cs="Courier New"/>
        </w:rPr>
        <w:t>n4\leveljc0\leveljcn0\levelfollow0\levelstartat1\levelspace360\levelindent0{\leveltext\leveltemplateid67698713\'02\'04.;}{\levelnumbers\'01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360\li3600\jclisttab\tx3600\lin3600 }{\listlevel\levelnfc2\levelnfcn2\leveljc2\leveljcn2\levelfollow0\levelst</w:t>
      </w:r>
      <w:r w:rsidRPr="005B592D">
        <w:rPr>
          <w:rFonts w:ascii="Courier New" w:hAnsi="Courier New" w:cs="Courier New"/>
        </w:rPr>
        <w:t>artat1\levelspace360\levelindent0{\leveltext\leveltemplateid67698715\'02\'05.;}{\levelnumbers\'01;}\fi-180\li4320\jclisttab\tx4320\lin432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lfollow0\levelstartat1\levelspace360\levelindent0{\levelte</w:t>
      </w:r>
      <w:r w:rsidRPr="005B592D">
        <w:rPr>
          <w:rFonts w:ascii="Courier New" w:hAnsi="Courier New" w:cs="Courier New"/>
        </w:rPr>
        <w:t>xt\leveltemplateid67698703\'02\'06.;}{\levelnumbers\'01;}\fi-360\li5040\jclisttab\tx5040\lin5040 }{\listlevel\levelnfc4\levelnfcn4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space360\levelindent0{\leveltext\leveltemplateid67698713\'02\'07.;}{\lev</w:t>
      </w:r>
      <w:r w:rsidRPr="005B592D">
        <w:rPr>
          <w:rFonts w:ascii="Courier New" w:hAnsi="Courier New" w:cs="Courier New"/>
        </w:rPr>
        <w:t>elnumbers\'01;}\fi-360\li5760\jclisttab\tx5760\lin5760 }{\listlevel\levelnfc2\levelnfcn2\leveljc2\leveljcn2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715\'02\'08.;}{\levelnumbers\'01;}\fi-180\li6480\jclisttab\tx</w:t>
      </w:r>
      <w:r w:rsidRPr="005B592D">
        <w:rPr>
          <w:rFonts w:ascii="Courier New" w:hAnsi="Courier New" w:cs="Courier New"/>
        </w:rPr>
        <w:t>6480\lin6480 }{\listname ;}\listid1170027983}{\list\listtemplateid-1679491376\listhybrid{\listlevel\levelnfc0\levelnfcn0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space0\levelindent0{\leveltext\leveltemplateid67698705\'02\'00);}{\levelnumbers\'0</w:t>
      </w:r>
      <w:r w:rsidRPr="005B592D">
        <w:rPr>
          <w:rFonts w:ascii="Courier New" w:hAnsi="Courier New" w:cs="Courier New"/>
        </w:rPr>
        <w:t>1;}\fbias0 \fi-360\li360\jclisttab\tx360\lin360 }{\listlevel\levelnfc4\levelnfcn4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leveltemplateid67698713\'02\'01.;}{\levelnumbers\'01;}\fi-360\li1080\jclisttab\tx1080\lin1</w:t>
      </w:r>
      <w:r w:rsidRPr="005B592D">
        <w:rPr>
          <w:rFonts w:ascii="Courier New" w:hAnsi="Courier New" w:cs="Courier New"/>
        </w:rPr>
        <w:t>080 }{\listlevel\levelnfc2\levelnfcn2\leveljc2\leveljcn2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5\'02\'02.;}{\levelnumbers\'01;}\fi-180\li1800\jclisttab\tx1800\lin1800 }{\listlevel\levelnfc0\levelnfcn0\levelj</w:t>
      </w:r>
      <w:r w:rsidRPr="005B592D">
        <w:rPr>
          <w:rFonts w:ascii="Courier New" w:hAnsi="Courier New" w:cs="Courier New"/>
        </w:rPr>
        <w:t>c0\leveljcn0\levelfollow0\levelstartat1\levelspace0\levelindent0{\leveltext\leveltemplateid6769870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3.;}{\levelnumbers\'01;}\fi-360\li2520\jclisttab\tx2520\lin2520 }{\listlevel\levelnfc4\levelnfcn4\leveljc0\leveljcn0\levelfollow0\levelstartat1\leve</w:t>
      </w:r>
      <w:r w:rsidRPr="005B592D">
        <w:rPr>
          <w:rFonts w:ascii="Courier New" w:hAnsi="Courier New" w:cs="Courier New"/>
        </w:rPr>
        <w:t>lspace0\levelindent0{\leveltext\leveltemplateid67698713\'02\'04.;}{\levelnumbers\'01;}\fi-360\li324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3240\lin3240 }{\listlevel\levelnfc2\levelnfcn2\leveljc2\leveljcn2\levelfollow0\levelstartat1\levelspace0\levelindent0{\leveltext\leveltemplat</w:t>
      </w:r>
      <w:r w:rsidRPr="005B592D">
        <w:rPr>
          <w:rFonts w:ascii="Courier New" w:hAnsi="Courier New" w:cs="Courier New"/>
        </w:rPr>
        <w:t>eid67698715\'02\'05.;}{\levelnumbers\'01;}\fi-180\li3960\jclisttab\tx3960\lin396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0\levelnfcn0\leveljc0\leveljcn0\levelfollow0\levelstartat1\levelspace0\levelindent0{\leveltext\leveltemplateid67698703\'02\'06.;}{\levelnumbers\'01;}\f</w:t>
      </w:r>
      <w:r w:rsidRPr="005B592D">
        <w:rPr>
          <w:rFonts w:ascii="Courier New" w:hAnsi="Courier New" w:cs="Courier New"/>
        </w:rPr>
        <w:t>i-360\li4680\jclisttab\tx4680\lin4680 }{\listlevel\levelnfc4\levelnfcn4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713\'02\'07.;}{\levelnumbers\'01;}\fi-360\li5400\jclisttab\tx5400\lin5400 }{\lis</w:t>
      </w:r>
      <w:r w:rsidRPr="005B592D">
        <w:rPr>
          <w:rFonts w:ascii="Courier New" w:hAnsi="Courier New" w:cs="Courier New"/>
        </w:rPr>
        <w:t>tlevel\levelnfc2\levelnfcn2\leveljc2\leveljcn2\levelfollow0\lev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15\'02\'08.;}{\levelnumbers\'01;}\fi-180\li6120\jclisttab\tx6120\lin6120 }{\listname ;}\listid1179271336}{\list\listtemplat</w:t>
      </w:r>
      <w:r w:rsidRPr="005B592D">
        <w:rPr>
          <w:rFonts w:ascii="Courier New" w:hAnsi="Courier New" w:cs="Courier New"/>
        </w:rPr>
        <w:t>eid504504418\listhybrid{\listlevel\levelnfc0\levelnfcn0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235071326\'02\'00.;}{\levelnumbers\'01;}\fbias0 \fi-360\li720\jclisttab\tx720\lin720 }{\listlevel\l</w:t>
      </w:r>
      <w:r w:rsidRPr="005B592D">
        <w:rPr>
          <w:rFonts w:ascii="Courier New" w:hAnsi="Courier New" w:cs="Courier New"/>
        </w:rPr>
        <w:t>evelnfc4\levelnfcn4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1080\levelindent0{\leveltext\leveltemplateid67698713\'02\'01.;}{\levelnumbers\'01;}\fi-360\li1440\jclisttab\tx1440\lin1440 }{\listlevel\levelnfc2\levelnfcn2\leveljc2\leveljcn2\le</w:t>
      </w:r>
      <w:r w:rsidRPr="005B592D">
        <w:rPr>
          <w:rFonts w:ascii="Courier New" w:hAnsi="Courier New" w:cs="Courier New"/>
        </w:rPr>
        <w:t>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5\'02\'02.;}{\levelnumbers\'01;}\fi-180\li2160\jclisttab\tx2160\lin2160 }{\listlevel\levelnfc0\levelnfcn0\leveljc0\leveljcn0\levelfollow0\levelstartat1\levelspace0\levelin</w:t>
      </w:r>
      <w:r w:rsidRPr="005B592D">
        <w:rPr>
          <w:rFonts w:ascii="Courier New" w:hAnsi="Courier New" w:cs="Courier New"/>
        </w:rPr>
        <w:t>dent0{\leveltext\leveltemplateid6769870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3.;}{\levelnumbers\'01;}\fi-360\li2880\jclisttab\tx2880\lin2880 }{\listlevel\levelnfc4\levelnfcn4\leveljc0\leveljcn0\levelfollow0\levelstartat1\levelspace0\levelindent0{\leveltext\leveltemplateid67698713\'02</w:t>
      </w:r>
      <w:r w:rsidRPr="005B592D">
        <w:rPr>
          <w:rFonts w:ascii="Courier New" w:hAnsi="Courier New" w:cs="Courier New"/>
        </w:rPr>
        <w:t>\'04.;}{\levelnumbers\'01;}\fi-360\li36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3600\lin3600 }{\listlevel\levelnfc2\levelnfcn2\leveljc2\leveljcn2\levelfollow0\levelstartat1\levelspace0\levelindent0{\leveltext\leveltemplateid67698715\'02\'05.;}{\levelnumbers\'01;}\fi-180\li4320\jc</w:t>
      </w:r>
      <w:r w:rsidRPr="005B592D">
        <w:rPr>
          <w:rFonts w:ascii="Courier New" w:hAnsi="Courier New" w:cs="Courier New"/>
        </w:rPr>
        <w:t>listtab\tx4320\lin432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0\levelnfcn0\leveljc0\leveljcn0\levelfollow0\levelstartat1\levelspace0\levelindent0{\leveltext\leveltemplateid67698703\'02\'06.;}{\levelnumbers\'01;}\fi-360\li5040\jclisttab\tx5040\lin5040 }{\listlevel\levelnfc</w:t>
      </w:r>
      <w:r w:rsidRPr="005B592D">
        <w:rPr>
          <w:rFonts w:ascii="Courier New" w:hAnsi="Courier New" w:cs="Courier New"/>
        </w:rPr>
        <w:t>4\levelnfcn4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713\'02\'07.;}{\levelnumbers\'01;}\fi-360\li5760\jclisttab\tx5760\lin5760 }{\listlevel\levelnfc2\levelnfcn2\leveljc2\leveljcn2\levelfollow0</w:t>
      </w:r>
      <w:r w:rsidRPr="005B592D">
        <w:rPr>
          <w:rFonts w:ascii="Courier New" w:hAnsi="Courier New" w:cs="Courier New"/>
        </w:rPr>
        <w:t>\lev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15\'02\'08.;}{\levelnumbers\'01;}\fi-180\li6480\jclisttab\tx6480\lin6480 }{\listname ;}\listid1312296987}{\list\listtemplateid1894165038{\listlevel\levelnfc0\levelnfcn0\leveljc0\leve</w:t>
      </w:r>
      <w:r w:rsidRPr="005B592D">
        <w:rPr>
          <w:rFonts w:ascii="Courier New" w:hAnsi="Courier New" w:cs="Courier New"/>
        </w:rPr>
        <w:t>ljcn0\levelfoll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tartat1\levelspace0\levelindent0{\leveltext\'01\'00;}{\levelnumbers\'01;}\b\fbias0 \fi-360\li360\jclisttab\tx360\lin360 }{\listlevel\levelnfc0\levelnfcn0\leveljc0\leveljcn0\levelfollow0\levelstartat1\levelspace0\levelindent0{\lev</w:t>
      </w:r>
      <w:r w:rsidRPr="005B592D">
        <w:rPr>
          <w:rFonts w:ascii="Courier New" w:hAnsi="Courier New" w:cs="Courier New"/>
        </w:rPr>
        <w:t>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3\'00.\'01;}{\levelnumbers\'01\'03;}\b\fbias0 \fi-360\li720\jclisttab\tx720\lin720 }{\listlevel\levelnfc0\levelnfcn0\leveljc0\leveljcn0\levelfollow0\levelstartat1\levelspace0\levelindent0{\leveltext\'05\'00.\'01.\'02;}{\levelnumbers\'01\'03\'05;</w:t>
      </w:r>
      <w:r w:rsidRPr="005B592D">
        <w:rPr>
          <w:rFonts w:ascii="Courier New" w:hAnsi="Courier New" w:cs="Courier New"/>
        </w:rPr>
        <w:t>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b\fbias0 \fi-720\li1440\jclisttab\tx1440\lin1440 }{\listlevel\levelnfc0\levelnfcn0\leveljc0\leveljcn0\levelfollow0\levelstartat1\levelspace0\levelindent0{\leveltext\'07\'00.\'01.\'02.\'03;}{\levelnumbers\'01\'03\'05\'07;}\b\fbias0 \fi-1080\li21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</w:t>
      </w:r>
      <w:r w:rsidRPr="005B592D">
        <w:rPr>
          <w:rFonts w:ascii="Courier New" w:hAnsi="Courier New" w:cs="Courier New"/>
        </w:rPr>
        <w:t>isttab\tx2160\lin2160 }{\listlevel\levelnfc0\levelnfcn0\leveljc0\leveljcn0\levelfollow0\levelstartat1\levelspace0\levelindent0{\leveltext\'09\'00.\'01.\'02.\'03.\'04;}{\levelnumbers\'01\'03\'05\'07\'09;}\b\fbias0 \fi-1080\li252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jclisttab\tx2520\lin2520 </w:t>
      </w:r>
      <w:r w:rsidRPr="005B592D">
        <w:rPr>
          <w:rFonts w:ascii="Courier New" w:hAnsi="Courier New" w:cs="Courier New"/>
        </w:rPr>
        <w:t>}{\listlevel\levelnfc0\levelnfcn0\leveljc0\leveljcn0\levelfollow0\levelstartat1\levelspace0\levelindent0{\leveltext\'0b\'00.\'01.\'02.\'03.\'04.\'05;}{\levelnumbers\'01\'03\'05\'07\'09\'0b;}\b\fbias0 \fi-1440\li324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3240\lin3240 }{\listlevel\</w:t>
      </w:r>
      <w:r w:rsidRPr="005B592D">
        <w:rPr>
          <w:rFonts w:ascii="Courier New" w:hAnsi="Courier New" w:cs="Courier New"/>
        </w:rPr>
        <w:t>levelnfc0\levelnfcn0\leveljc0\leveljcn0\levelfollow0\levelstartat1\levelspace0\levelindent0{\leveltext\'0d\'00.\'01.\'02.\'03.\'04.\'05.\'06;}{\levelnumbers\'01\'03\'05\'07\'09\'0b\'0d;}\b\fbias0 \fi-1440\li36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3600\lin3600 }{\listlevel\leve</w:t>
      </w:r>
      <w:r w:rsidRPr="005B592D">
        <w:rPr>
          <w:rFonts w:ascii="Courier New" w:hAnsi="Courier New" w:cs="Courier New"/>
        </w:rPr>
        <w:t xml:space="preserve">lnfc0\levelnfcn0\leveljc0\leveljcn0\levelfollow0\levelstartat1\levelspace0\levelindent0{\leveltext\'0f\'00.\'01.\'02.\'03.\'04.\'05.\'06.\'07;}{\levelnumbers\'01\'03\'05\'07\'09\'0b\'0d\'0f;}\b\fbias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1800\li4320\jclisttab\tx4320\lin4320 }{\listlevel</w:t>
      </w:r>
      <w:r w:rsidRPr="005B592D">
        <w:rPr>
          <w:rFonts w:ascii="Courier New" w:hAnsi="Courier New" w:cs="Courier New"/>
        </w:rPr>
        <w:t>\levelnfc0\levelnfcn0\leveljc0\leveljcn0\levelfollow0\levelstartat1\levelspace0\levelindent0{\leveltext\'11\'00.\'01.\'02.\'03.\'04.\'05.\'06.\'07.\'08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'03\'05\'07\'09\'0b\'0d\'0f\'11;}\b\fbias0 \fi-1800\li4680\jclisttab\tx4680\lin468</w:t>
      </w:r>
      <w:r w:rsidRPr="005B592D">
        <w:rPr>
          <w:rFonts w:ascii="Courier New" w:hAnsi="Courier New" w:cs="Courier New"/>
        </w:rPr>
        <w:t>0 }{\listname ;}\listid1321617106}{\list\listtemplateid1500940768\listhybrid{\li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89\'01\u-3913 ?;}{\levelnumbers;}\f3\f</w:t>
      </w:r>
      <w:r w:rsidRPr="005B592D">
        <w:rPr>
          <w:rFonts w:ascii="Courier New" w:hAnsi="Courier New" w:cs="Courier New"/>
        </w:rPr>
        <w:t>bias0 \fi-360\li787\jclisttab\tx787\lin787 }{\listlevel\levelnfc4\levelnfcn4\leveljc0\leveljcn0\lev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713\'02\'01.;}{\levelnumbers\'01;}\fi-360\li1440\jclisttab\tx1440\lin1440 }</w:t>
      </w:r>
      <w:r w:rsidRPr="005B592D">
        <w:rPr>
          <w:rFonts w:ascii="Courier New" w:hAnsi="Courier New" w:cs="Courier New"/>
        </w:rPr>
        <w:t>{\listlevel\levelnfc2\levelnfcn2\leveljc2\leveljcn2\levelfollow0\levelstartat1\levelspace0\levelindent0{\leveltext\leveltemplateid6769871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2.;}{\levelnumbers\'01;}\fi-180\li2160\jclisttab\tx2160\lin2160 }{\listlevel\levelnfc0\levelnfcn0\leveljc0\le</w:t>
      </w:r>
      <w:r w:rsidRPr="005B592D">
        <w:rPr>
          <w:rFonts w:ascii="Courier New" w:hAnsi="Courier New" w:cs="Courier New"/>
        </w:rPr>
        <w:t>veljcn0\levelfollow0\levelstartat1\levelspace0\levelindent0{\leveltext\leveltemplateid67698703\'02\'03.;}{\levelnumbers\'01;}\fi-360\li288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2880\lin2880 }{\listlevel\levelnfc4\levelnfcn4\leveljc0\leveljcn0\levelfollow0\levelstartat1\levelspac</w:t>
      </w:r>
      <w:r w:rsidRPr="005B592D">
        <w:rPr>
          <w:rFonts w:ascii="Courier New" w:hAnsi="Courier New" w:cs="Courier New"/>
        </w:rPr>
        <w:t>e0\levelindent0{\leveltext\leveltemplateid67698713\'02\'04.;}{\levelnumbers\'01;}\fi-360\li3600\jclisttab\tx3600\lin360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\levelnfcn2\leveljc2\leveljcn2\levelfollow0\levelstartat1\levelspace0\levelindent0{\leveltext\leveltemplateid67</w:t>
      </w:r>
      <w:r w:rsidRPr="005B592D">
        <w:rPr>
          <w:rFonts w:ascii="Courier New" w:hAnsi="Courier New" w:cs="Courier New"/>
        </w:rPr>
        <w:t>698715\'02\'05.;}{\levelnumbers\'01;}\fi-180\li4320\jclisttab\tx4320\lin4320 }{\listlevel\levelnfc0\levelnfcn0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703\'02\'06.;}{\levelnumbers\'01;}\fi-360</w:t>
      </w:r>
      <w:r w:rsidRPr="005B592D">
        <w:rPr>
          <w:rFonts w:ascii="Courier New" w:hAnsi="Courier New" w:cs="Courier New"/>
        </w:rPr>
        <w:t>\li5040\jclisttab\tx5040\lin5040 }{\listlevel\levelnfc4\levelnfcn4\leveljc0\leveljcn0\levelfollow0\lev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13\'02\'07.;}{\levelnumbers\'01;}\fi-360\li5760\jclisttab\tx5760\lin5760 }{\listleve</w:t>
      </w:r>
      <w:r w:rsidRPr="005B592D">
        <w:rPr>
          <w:rFonts w:ascii="Courier New" w:hAnsi="Courier New" w:cs="Courier New"/>
        </w:rPr>
        <w:t>l\levelnfc2\levelnfcn2\leveljc2\leveljcn2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5\'02\'08.;}{\levelnumbers\'01;}\fi-180\li6480\jclisttab\tx6480\lin6480 }{\listname ;}\listid1329989675}{\list\listtemplateid39</w:t>
      </w:r>
      <w:r w:rsidRPr="005B592D">
        <w:rPr>
          <w:rFonts w:ascii="Courier New" w:hAnsi="Courier New" w:cs="Courier New"/>
        </w:rPr>
        <w:t>7565126{\listlevel\levelnfc0\levelnfcn0\leveljc0\leveljcn0\levelfollow0\levelstartat3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'01\'00;}{\levelnumbers\'01;}\fbias0 \fi-720\li720\jclisttab\tx720\lin720 }{\listlevel\levelnfc0\levelnfcn0\leveljc0\leveljcn0\level</w:t>
      </w:r>
      <w:r w:rsidRPr="005B592D">
        <w:rPr>
          <w:rFonts w:ascii="Courier New" w:hAnsi="Courier New" w:cs="Courier New"/>
        </w:rPr>
        <w:t>follow0\levelstartat1\levelspace0\levelindent0{\leveltext\'03\'00.\'01;}{\levelnumbers\'01\'03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bias0 \fi-720\li1080\jclisttab\tx1080\lin1080 }{\listlevel\levelnfc0\levelnfcn0\leveljc0\leveljcn0\levelfollow0\levelstartat4\levelspace0\levelindent0{\leve</w:t>
      </w:r>
      <w:r w:rsidRPr="005B592D">
        <w:rPr>
          <w:rFonts w:ascii="Courier New" w:hAnsi="Courier New" w:cs="Courier New"/>
        </w:rPr>
        <w:t>ltext\'05\'00.\'01.\'02;}{\levelnumbers\'01\'03\'05;}\fbias0 \fi-720\li144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1440\lin1440 }{\listlevel\levelnfc0\levelnfcn0\leveljc0\leveljcn0\levelfollow0\levelstartat1\levelspace0\levelindent0{\leveltext\'07\'00.\'01.\'02.\'03;}{\levelnumber</w:t>
      </w:r>
      <w:r w:rsidRPr="005B592D">
        <w:rPr>
          <w:rFonts w:ascii="Courier New" w:hAnsi="Courier New" w:cs="Courier New"/>
        </w:rPr>
        <w:t>s\'01\'03\'05\'07;}\fbias0 \fi-1080\li2160\jclisttab\tx2160\lin216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lfollow0\levelstartat1\levelspace0\levelindent0{\leveltext\'09\'00.\'01.\'02.\'03.\'04;}{\levelnumbers\'01\'03\'05\'07\'09;}\fbia</w:t>
      </w:r>
      <w:r w:rsidRPr="005B592D">
        <w:rPr>
          <w:rFonts w:ascii="Courier New" w:hAnsi="Courier New" w:cs="Courier New"/>
        </w:rPr>
        <w:t>s0 \fi-1080\li2520\jclisttab\tx2520\lin2520 }{\listlevel\levelnf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0\leveljc0\leveljcn0\levelfollow0\levelstartat1\levelspace0\levelindent0{\leveltext\'0b\'00.\'01.\'02.\'03.\'04.\'05;}{\levelnumbers\'01\'03\'05\'07\'09\'0b;}\fbias0 \fi-1440\li3</w:t>
      </w:r>
      <w:r w:rsidRPr="005B592D">
        <w:rPr>
          <w:rFonts w:ascii="Courier New" w:hAnsi="Courier New" w:cs="Courier New"/>
        </w:rPr>
        <w:t>240\jclisttab\tx3240\lin3240 }{\listlevel\levelnfc0\levelnf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0\levelindent0{\leveltext\'0d\'00.\'01.\'02.\'03.\'04.\'05.\'06;}{\levelnumbers\'01\'03\'05\'07\'09\'0b\'0d;}\fbias0 \fi-1440\li3600\jc</w:t>
      </w:r>
      <w:r w:rsidRPr="005B592D">
        <w:rPr>
          <w:rFonts w:ascii="Courier New" w:hAnsi="Courier New" w:cs="Courier New"/>
        </w:rPr>
        <w:t>listtab\tx3600\lin3600 }{\listlevel\levelnfc0\levelnf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0\levelindent0{\leveltext\'0f\'00.\'01.\'02.\'03.\'04.\'05.\'06.\'07;}{\levelnumbers\'01\'03\'05\'07\'09\'0b\'0d\'0f;}\fbias0 \fi-1800\li4320</w:t>
      </w:r>
      <w:r w:rsidRPr="005B592D">
        <w:rPr>
          <w:rFonts w:ascii="Courier New" w:hAnsi="Courier New" w:cs="Courier New"/>
        </w:rPr>
        <w:t>\jclisttab\tx4320\lin4320 }{\listlevel\levelnf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0\leveljc0\leveljcn0\levelfollow0\levelstartat1\levelspace0\levelindent0{\leveltext\'11\'00.\'01.\'02.\'03.\'04.\'05.\'06.\'07.\'08;}{\levelnumbers\'01\'03\'05\'07\'09\'0b\'0d\'0f\'11;}\fbias0 \fi</w:t>
      </w:r>
      <w:r w:rsidRPr="005B592D">
        <w:rPr>
          <w:rFonts w:ascii="Courier New" w:hAnsi="Courier New" w:cs="Courier New"/>
        </w:rPr>
        <w:t>-1800\li4680\jclisttab\tx4680\lin468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name ;}\listid1412699430}{\list\listtemplateid-96408462\listhybrid{\listlevel\levelnfc0\levelnfcn0\leveljc0\leveljcn0\levelfollow0\levelstartat1\levelspace0\levelindent0{\leveltext\leveltemplateid67698703\'02\</w:t>
      </w:r>
      <w:r w:rsidRPr="005B592D">
        <w:rPr>
          <w:rFonts w:ascii="Courier New" w:hAnsi="Courier New" w:cs="Courier New"/>
        </w:rPr>
        <w:t>'00.;}{\levelnumbers\'01;}\fi-360\li72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720\lin720 }{\listlevel\levelnfc4\levelnfcn4\leveljc0\leveljcn0\levelfollow0\levelstartat1\levelspace0\levelindent0{\leveltext\leveltemplateid67698713\'02\'01.;}{\levelnumbers\'01;}\fi-360\li1440\jclist</w:t>
      </w:r>
      <w:r w:rsidRPr="005B592D">
        <w:rPr>
          <w:rFonts w:ascii="Courier New" w:hAnsi="Courier New" w:cs="Courier New"/>
        </w:rPr>
        <w:t>tab\tx1440\lin144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\levelnfcn2\leveljc2\leveljcn2\levelfollow0\levelstartat1\levelspace0\levelindent0{\leveltext\leveltemplateid67698715\'02\'02.;}{\levelnumbers\'01;}\fi-180\li2160\jclisttab\tx2160\lin2160 }{\listlevel\levelnfc0\le</w:t>
      </w:r>
      <w:r w:rsidRPr="005B592D">
        <w:rPr>
          <w:rFonts w:ascii="Courier New" w:hAnsi="Courier New" w:cs="Courier New"/>
        </w:rPr>
        <w:t>velnfcn0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703\'02\'03.;}{\levelnumbers\'01;}\fi-360\li2880\jclisttab\tx2880\lin2880 }{\listlevel\levelnfc4\levelnfcn4\leveljc0\leveljcn0\levelfollow0\lev</w:t>
      </w:r>
      <w:r w:rsidRPr="005B592D">
        <w:rPr>
          <w:rFonts w:ascii="Courier New" w:hAnsi="Courier New" w:cs="Courier New"/>
        </w:rPr>
        <w:t>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13\'02\'04.;}{\levelnumbers\'01;}\fi-360\li3600\jclisttab\tx3600\lin3600 }{\listlevel\levelnfc2\levelnfcn2\leveljc2\leveljcn2\levelfollow0\levelstartat1\levelspace0\levelindent0{\levelte</w:t>
      </w:r>
      <w:r w:rsidRPr="005B592D">
        <w:rPr>
          <w:rFonts w:ascii="Courier New" w:hAnsi="Courier New" w:cs="Courier New"/>
        </w:rPr>
        <w:t>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5\'02\'05.;}{\levelnumbers\'01;}\fi-180\li4320\jclisttab\tx4320\lin4320 }{\listlevel\levelnfc0\levelnfcn0\leveljc0\leveljcn0\levelfollow0\levelstartat1\levelspace0\levelindent0{\leveltext\leveltemplateid6769870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6.;}{\lev</w:t>
      </w:r>
      <w:r w:rsidRPr="005B592D">
        <w:rPr>
          <w:rFonts w:ascii="Courier New" w:hAnsi="Courier New" w:cs="Courier New"/>
        </w:rPr>
        <w:t>elnumbers\'01;}\fi-360\li5040\jclisttab\tx5040\lin5040 }{\listlevel\levelnfc4\levelnfcn4\leveljc0\leveljcn0\levelfollow0\levelstartat1\levelspace0\levelindent0{\leveltext\leveltemplateid67698713\'02\'07.;}{\levelnumbers\'01;}\fi-360\li57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57</w:t>
      </w:r>
      <w:r w:rsidRPr="005B592D">
        <w:rPr>
          <w:rFonts w:ascii="Courier New" w:hAnsi="Courier New" w:cs="Courier New"/>
        </w:rPr>
        <w:t xml:space="preserve">60\lin5760 }{\listlevel\levelnfc2\levelnfcn2\leveljc2\leveljcn2\levelfollow0\levelstartat1\levelspace0\levelindent0{\leveltext\leveltemplateid67698715\'02\'08.;}{\levelnumbers\'01;}\fi-180\li6480\jclisttab\tx6480\lin6480 }{\listname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listid1416971911}{</w:t>
      </w:r>
      <w:r w:rsidRPr="005B592D">
        <w:rPr>
          <w:rFonts w:ascii="Courier New" w:hAnsi="Courier New" w:cs="Courier New"/>
        </w:rPr>
        <w:t xml:space="preserve">\list\listtemplateid1270364418\listhybrid{\listlevel\levelnfc0\levelnfcn0\leveljc0\leveljcn0\levelfollow0\levelstartat1\levelspace1069\levelindent0{\leveltext\leveltemplateid-410212050\'02\'00.;}{\levelnumbers\'01;}\b\i0\fbias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360\li720\jclisttab\tx</w:t>
      </w:r>
      <w:r w:rsidRPr="005B592D">
        <w:rPr>
          <w:rFonts w:ascii="Courier New" w:hAnsi="Courier New" w:cs="Courier New"/>
        </w:rPr>
        <w:t>720\lin720 }{\listlevel\levelnfc0\levelnfcn0\leveljc0\leveljcn0\levelfollow0\levelstartat1\levelspace360\levelindent0{\leveltext\leveltemplateid67698703\'02\'01.;}{\levelnumbers\'01;}\fi-360\li1440\jclisttab\tx1440\lin144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\levelnfc</w:t>
      </w:r>
      <w:r w:rsidRPr="005B592D">
        <w:rPr>
          <w:rFonts w:ascii="Courier New" w:hAnsi="Courier New" w:cs="Courier New"/>
        </w:rPr>
        <w:t>n2\leveljc2\leveljcn2\levelfollow0\levelstartat1\levelspace0\levelindent0{\leveltext\leveltemplateid67698715\'02\'02.;}{\levelnumbers\'01;}\fi-180\li2160\jclisttab\tx2160\lin2160 }{\listlevel\levelnfc0\levelnfcn0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</w:t>
      </w:r>
      <w:r w:rsidRPr="005B592D">
        <w:rPr>
          <w:rFonts w:ascii="Courier New" w:hAnsi="Courier New" w:cs="Courier New"/>
        </w:rPr>
        <w:t>tat1\levelspace0\levelindent0{\leveltext\leveltemplateid67698703\'02\'03.;}{\levelnumbers\'01;}\fi-360\li2880\jclisttab\tx2880\lin2880 }{\listlevel\levelnfc4\levelnfcn4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lev</w:t>
      </w:r>
      <w:r w:rsidRPr="005B592D">
        <w:rPr>
          <w:rFonts w:ascii="Courier New" w:hAnsi="Courier New" w:cs="Courier New"/>
        </w:rPr>
        <w:t>eltemplateid67698713\'02\'04.;}{\levelnumbers\'01;}\fi-360\li3600\jclisttab\tx3600\lin3600 }{\listlevel\levelnfc2\levelnfcn2\leveljc2\leveljcn2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5\'02\'05.;}{\levelnumber</w:t>
      </w:r>
      <w:r w:rsidRPr="005B592D">
        <w:rPr>
          <w:rFonts w:ascii="Courier New" w:hAnsi="Courier New" w:cs="Courier New"/>
        </w:rPr>
        <w:t>s\'01;}\fi-180\li4320\jclisttab\tx4320\lin4320 }{\listlevel\levelnfc0\levelnfcn0\leveljc0\leveljcn0\levelfollow0\levelstartat1\levelspace0\levelindent0{\leveltext\leveltemplateid6769870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6.;}{\levelnumbers\'01;}\fi-360\li5040\jclisttab\tx5040\lin50</w:t>
      </w:r>
      <w:r w:rsidRPr="005B592D">
        <w:rPr>
          <w:rFonts w:ascii="Courier New" w:hAnsi="Courier New" w:cs="Courier New"/>
        </w:rPr>
        <w:t>40 }{\listlevel\levelnfc4\levelnfcn4\leveljc0\leveljcn0\levelfollow0\levelstartat1\levelspace0\levelindent0{\leveltext\leveltemplateid67698713\'02\'07.;}{\levelnumbers\'01;}\fi-360\li57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5760\lin5760 }{\listlevel\levelnfc2\levelnfcn2\leveljc</w:t>
      </w:r>
      <w:r w:rsidRPr="005B592D">
        <w:rPr>
          <w:rFonts w:ascii="Courier New" w:hAnsi="Courier New" w:cs="Courier New"/>
        </w:rPr>
        <w:t xml:space="preserve">2\leveljcn2\levelfollow0\levelstartat1\levelspace0\levelindent0{\leveltext\leveltemplateid67698715\'02\'08.;}{\levelnumbers\'01;}\fi-180\li6480\jclisttab\tx6480\lin6480 }{\listname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listid1433935604}{\list\listtemplateid-1088363148{\listlevel\levelnfc2</w:t>
      </w:r>
      <w:r w:rsidRPr="005B592D">
        <w:rPr>
          <w:rFonts w:ascii="Courier New" w:hAnsi="Courier New" w:cs="Courier New"/>
        </w:rPr>
        <w:t>3\levelnfcn23\leveljc0\leveljcn0\levelfollow0\levelstartat1\levelspace0\levelindent0{\leveltext\'01\u-3913 ?;}{\levelnumbers;}\f3\cf0\fbias0 \fi-360\li360\jclisttab\tx360\lin36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evelnfcn0\leveljc0\leveljcn0\levelfollow0\levelstart</w:t>
      </w:r>
      <w:r w:rsidRPr="005B592D">
        <w:rPr>
          <w:rFonts w:ascii="Courier New" w:hAnsi="Courier New" w:cs="Courier New"/>
        </w:rPr>
        <w:t>at1\levelspace0\levelindent0{\leveltext\'03\'00.\'01;}{\levelnumbers\'01\'03;}\fbias0 \fi-360\li360\jclisttab\tx360\lin360 }{\listlevel\levelnfc0\levelnfcn0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'05\'00.\'01.\'</w:t>
      </w:r>
      <w:r w:rsidRPr="005B592D">
        <w:rPr>
          <w:rFonts w:ascii="Courier New" w:hAnsi="Courier New" w:cs="Courier New"/>
        </w:rPr>
        <w:t>02;}{\levelnumbers\'01\'03\'05;}\fbias0 \fi-720\li720\jclisttab\tx720\lin720 }{\listlevel\levelnfc0\levelnfcn0\leveljc0\leveljcn0\levelfollow0\lev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'07\'00.\'01.\'02.\'03;}{\levelnumbers\'01\'03\'05\'07;}\fbia</w:t>
      </w:r>
      <w:r w:rsidRPr="005B592D">
        <w:rPr>
          <w:rFonts w:ascii="Courier New" w:hAnsi="Courier New" w:cs="Courier New"/>
        </w:rPr>
        <w:t>s0 \fi-720\li720\jclisttab\tx720\lin720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9\'00.\'01.\'02.\'03.\'04;}{\levelnumbers\'01\'03\'05\'07\'09;}\fbias0 \fi-1080\li1080\jclisttab</w:t>
      </w:r>
      <w:r w:rsidRPr="005B592D">
        <w:rPr>
          <w:rFonts w:ascii="Courier New" w:hAnsi="Courier New" w:cs="Courier New"/>
        </w:rPr>
        <w:t>\tx1080\lin1080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b\'00.\'01.\'02.\'03.\'04.\'05;}{\levelnumbers\'01\'03\'05\'07\'09\'0b;}\fbias0 \fi-1080\li1080\jclisttab\tx1080\lin1080</w:t>
      </w:r>
      <w:r w:rsidRPr="005B592D">
        <w:rPr>
          <w:rFonts w:ascii="Courier New" w:hAnsi="Courier New" w:cs="Courier New"/>
        </w:rPr>
        <w:t xml:space="preserve">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d\'00.\'01.\'02.\'03.\'04.\'05.\'06;}{\levelnumbers\'01\'03\'05\'07\'09\'0b\'0d;}\fbias0 \fi-1440\li1440\jclisttab\tx1440\lin1440 }{\li</w:t>
      </w:r>
      <w:r w:rsidRPr="005B592D">
        <w:rPr>
          <w:rFonts w:ascii="Courier New" w:hAnsi="Courier New" w:cs="Courier New"/>
        </w:rPr>
        <w:t>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f\'00.\'01.\'02.\'03.\'04.\'05.\'06.\'07;}{\levelnumbers\'01\'03\'05\'07\'09\'0b\'0d\'0f;}\fbias0 \fi-1800\li1800\jclisttab\tx1800\lin1800 }{</w:t>
      </w:r>
      <w:r w:rsidRPr="005B592D">
        <w:rPr>
          <w:rFonts w:ascii="Courier New" w:hAnsi="Courier New" w:cs="Courier New"/>
        </w:rPr>
        <w:t>\listlevel\levelnfc0\levelnfcn0\leveljc0\leveljcn0\levelfollow0\levelstartat1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'11\'00.\'01.\'02.\'03.\'04.\'05.\'06.\'07.\'08;}{\levelnumbers\'01\'03\'05\'07\'09\'0b\'0d\'0f\'11;}\fbias0 \fi-1800\li1800\jclisttab\tx180</w:t>
      </w:r>
      <w:r w:rsidRPr="005B592D">
        <w:rPr>
          <w:rFonts w:ascii="Courier New" w:hAnsi="Courier New" w:cs="Courier New"/>
        </w:rPr>
        <w:t>0\lin1800 }{\listname ;}\listid1493909643}{\list\listtemplateid134807567\listsimple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0\levelnfcn0\leveljc0\leveljcn0\levelfollow0\levelstartat1\levelspace0\levelindent0{\leveltext\'02\'00.;}{\levelnumbers\'01;}\fi-360\li360\jclisttab\tx</w:t>
      </w:r>
      <w:r w:rsidRPr="005B592D">
        <w:rPr>
          <w:rFonts w:ascii="Courier New" w:hAnsi="Courier New" w:cs="Courier New"/>
        </w:rPr>
        <w:t>360\lin360 }{\listname ;}\listid1511136052}{\list\listtemplateid134807553\listsimple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3\levelnfcn23\leveljc0\leveljcn0\levelfollow0\levelstartat1\levelspace0\levelindent0{\leveltext\'01\u-3913 ?;}{\levelnumbers;}\f3\fbias0 \fi-360\li36</w:t>
      </w:r>
      <w:r w:rsidRPr="005B592D">
        <w:rPr>
          <w:rFonts w:ascii="Courier New" w:hAnsi="Courier New" w:cs="Courier New"/>
        </w:rPr>
        <w:t>0\jclisttab\tx360\lin360 }{\listname ;}\listid1516308889}{\list\listtemplateid-178401151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listhybrid{\listlevel\levelnfc23\levelnfcn23\leveljc0\leveljcn0\levelfollow0\levelstartat1\levelspace360\levelindent0{\leveltext\leveltemplateid67698689\'01\u-3913 </w:t>
      </w:r>
      <w:r w:rsidRPr="005B592D">
        <w:rPr>
          <w:rFonts w:ascii="Courier New" w:hAnsi="Courier New" w:cs="Courier New"/>
        </w:rPr>
        <w:t>?;}{\levelnumbers;}\f3\fbias0 \fi-360\li720\jclisttab\tx720\lin720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360\levelindent0{\leveltext\leveltemplateid67698691\'01o;}{\levelnumbers;}\f2\fbias0 \fi-360\li</w:t>
      </w:r>
      <w:r w:rsidRPr="005B592D">
        <w:rPr>
          <w:rFonts w:ascii="Courier New" w:hAnsi="Courier New" w:cs="Courier New"/>
        </w:rPr>
        <w:t>1440\jclisttab\tx1440\lin144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693\'01\u-3929 ?;}{\levelnumbers;}\f10\fbias0 \fi-360\li2160\jclisttab\tx2160\lin216</w:t>
      </w:r>
      <w:r w:rsidRPr="005B592D">
        <w:rPr>
          <w:rFonts w:ascii="Courier New" w:hAnsi="Courier New" w:cs="Courier New"/>
        </w:rPr>
        <w:t>0 }{\li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89\'01\u-3913 ?;}{\levelnumbers;}\f3\fbias0 \fi-360\li2880\jclisttab\tx2880\lin2880 }{\listlevel\levelnfc23\lev</w:t>
      </w:r>
      <w:r w:rsidRPr="005B592D">
        <w:rPr>
          <w:rFonts w:ascii="Courier New" w:hAnsi="Courier New" w:cs="Courier New"/>
        </w:rPr>
        <w:t>elnfcn23\leveljc0\leveljcn0\levelfollow0\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91\'01o;}{\levelnumbers;}\f2\fbias0 \fi-360\li3600\jclisttab\tx3600\lin3600 }{\listlevel\levelnfc23\levelnfcn23\leveljc0\leveljcn0\levelfoll</w:t>
      </w:r>
      <w:r w:rsidRPr="005B592D">
        <w:rPr>
          <w:rFonts w:ascii="Courier New" w:hAnsi="Courier New" w:cs="Courier New"/>
        </w:rPr>
        <w:t>ow0\levelstartat1\levelspace360\levelindent0{\leveltext\lev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4320\jclisttab\tx4320\lin4320 }{\listlevel\levelnfc23\levelnfcn23\leveljc0\leveljcn0\levelfollow0\levelstartat1\levelspace</w:t>
      </w:r>
      <w:r w:rsidRPr="005B592D">
        <w:rPr>
          <w:rFonts w:ascii="Courier New" w:hAnsi="Courier New" w:cs="Courier New"/>
        </w:rPr>
        <w:t>360\levelindent0{\leveltext\leveltemplateid67698689\'01\u-3913 ?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f3\fbias0 \fi-360\li5040\jclisttab\tx5040\lin5040 }{\listlevel\levelnfc23\levelnfcn23\leveljc0\leveljcn0\levelfollow0\levelstartat1\levelspace360\levelindent0{\leveltext\l</w:t>
      </w:r>
      <w:r w:rsidRPr="005B592D">
        <w:rPr>
          <w:rFonts w:ascii="Courier New" w:hAnsi="Courier New" w:cs="Courier New"/>
        </w:rPr>
        <w:t>eveltemplateid67698691\'01o;}{\levelnumbers;}\f2\fbias0 \fi-360\li57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5760\lin5760 }{\listlevel\levelnfc23\levelnfcn23\leveljc0\leveljcn0\levelfollow0\levelstartat1\levelspace360\levelindent0{\leveltext\leveltemplateid67698693\'01\u-3929 ?;}</w:t>
      </w:r>
      <w:r w:rsidRPr="005B592D">
        <w:rPr>
          <w:rFonts w:ascii="Courier New" w:hAnsi="Courier New" w:cs="Courier New"/>
        </w:rPr>
        <w:t>{\levelnumbers;}\f10\fbias0 \fi-360\li6480\jclisttab\tx6480\lin648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name ;}\listid1540165651}{\list\listtemplateid-1784011518\listhybrid{\listlevel\levelnfc23\levelnfcn23\leveljc0\leveljcn0\levelfollow0\levelstartat1\levelspace360\levelindent0{\le</w:t>
      </w:r>
      <w:r w:rsidRPr="005B592D">
        <w:rPr>
          <w:rFonts w:ascii="Courier New" w:hAnsi="Courier New" w:cs="Courier New"/>
        </w:rPr>
        <w:t xml:space="preserve">veltext\leveltemplateid67698691\'01o;}{\levelnumbers;}\f2\fbias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360\li720\jclisttab\tx720\lin720 }{\listlevel\levelnfc23\levelnfcn23\leveljc0\leveljcn0\levelfollow0\levelstartat1\levelspace360\levelindent0{\leveltext\leveltemplateid67698691\'01o;}{\</w:t>
      </w:r>
      <w:r w:rsidRPr="005B592D">
        <w:rPr>
          <w:rFonts w:ascii="Courier New" w:hAnsi="Courier New" w:cs="Courier New"/>
        </w:rPr>
        <w:t>levelnumbers;}\f2\fbias0 \fi-360\li1440\jclisttab\tx1440\lin144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eljc0\leveljcn0\levelfollow0\levelstartat1\levelspace360\levelindent0{\leveltext\leveltemplateid67698693\'01\u-3929 ?;}{\levelnumbers;}\f10\fbias0 \fi</w:t>
      </w:r>
      <w:r w:rsidRPr="005B592D">
        <w:rPr>
          <w:rFonts w:ascii="Courier New" w:hAnsi="Courier New" w:cs="Courier New"/>
        </w:rPr>
        <w:t>-360\li2160\jclisttab\tx2160\lin2160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360\levelindent0{\leveltext\leveltemplateid67698689\'01\u-3913 ?;}{\levelnumbers;}\f3\fbias0 \fi-360\li2880\jclisttab\tx2880\</w:t>
      </w:r>
      <w:r w:rsidRPr="005B592D">
        <w:rPr>
          <w:rFonts w:ascii="Courier New" w:hAnsi="Courier New" w:cs="Courier New"/>
        </w:rPr>
        <w:t>lin2880 }{\listlevel\levelnfc23\levelnfcn23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space360\levelindent0{\leveltext\leveltemplateid67698691\'01o;}{\levelnumbers;}\f2\fbias0 \fi-360\li3600\jclisttab\tx3600\lin3600 }{\listlevel\levelnfc23\level</w:t>
      </w:r>
      <w:r w:rsidRPr="005B592D">
        <w:rPr>
          <w:rFonts w:ascii="Courier New" w:hAnsi="Courier New" w:cs="Courier New"/>
        </w:rPr>
        <w:t>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93\'01\u-3929 ?;}{\levelnumbers;}\f10\fbias0 \fi-360\li4320\jclisttab\tx4320\lin4320 }{\listlevel\levelnfc23\levelnfcn23\leveljc0\leveljcn0\le</w:t>
      </w:r>
      <w:r w:rsidRPr="005B592D">
        <w:rPr>
          <w:rFonts w:ascii="Courier New" w:hAnsi="Courier New" w:cs="Courier New"/>
        </w:rPr>
        <w:t>velfollow0\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89\'01\u-3913 ?;}{\levelnumbers;}\f3\fbias0 \fi-360\li5040\jclisttab\tx5040\lin5040 }{\listlevel\levelnfc23\levelnfcn23\leveljc0\leveljcn0\levelfollow0\levelstartat1\leve</w:t>
      </w:r>
      <w:r w:rsidRPr="005B592D">
        <w:rPr>
          <w:rFonts w:ascii="Courier New" w:hAnsi="Courier New" w:cs="Courier New"/>
        </w:rPr>
        <w:t>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fi-360\li5760\jclisttab\tx5760\lin5760 }{\listlevel\levelnfc23\levelnfcn23\leveljc0\leveljcn0\levelfollow0\levelstartat1\levelspace360\levelindent0{\leveltext\lev</w:t>
      </w:r>
      <w:r w:rsidRPr="005B592D">
        <w:rPr>
          <w:rFonts w:ascii="Courier New" w:hAnsi="Courier New" w:cs="Courier New"/>
        </w:rPr>
        <w:t>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6480\jclisttab\tx6480\lin6480 }{\listname ;}\listid1542666335}{\list\listtemplateid134807553\listsimple{\listlevel\levelnfc23\levelnfcn23\leveljc0\leveljcn0\levelfollow0\levelstarta</w:t>
      </w:r>
      <w:r w:rsidRPr="005B592D">
        <w:rPr>
          <w:rFonts w:ascii="Courier New" w:hAnsi="Courier New" w:cs="Courier New"/>
        </w:rPr>
        <w:t>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'01\u-3913 ?;}{\levelnumbers;}\f3\fbias0 \fi-360\li360\jclisttab\tx360\lin360 }{\listname ;}\listid1587108039}{\list\listtemplateid125354032\listhybrid{\listlevel\levelnfc0\levelnfcn0\leveljc0\leveljcn0\levelfollow0</w:t>
      </w:r>
      <w:r w:rsidRPr="005B592D">
        <w:rPr>
          <w:rFonts w:ascii="Courier New" w:hAnsi="Courier New" w:cs="Courier New"/>
        </w:rPr>
        <w:t>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leveltemplateid67698703\'02\'00.;}{\levelnumbers\'01;}\fi-360\li720\jclisttab\tx720\lin720 }{\listlevel\levelnfc0\levelnfcn0\leveljc0\leveljcn0\levelfollow0\levelstartat2\levellegal\levelspace0\levelinde</w:t>
      </w:r>
      <w:r w:rsidRPr="005B592D">
        <w:rPr>
          <w:rFonts w:ascii="Courier New" w:hAnsi="Courier New" w:cs="Courier New"/>
        </w:rPr>
        <w:t>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3\'03\'00.\'01;}{\levelnumbers\'01\'03;}\b\fbias0 \fi-495\li855\jclisttab\tx855\lin855 }{\listlevel\levelnfc0\levelnfcn0\leveljc0\leveljcn0\levelfollow0\levelstartat1\levellegal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</w:t>
      </w:r>
      <w:r w:rsidRPr="005B592D">
        <w:rPr>
          <w:rFonts w:ascii="Courier New" w:hAnsi="Courier New" w:cs="Courier New"/>
        </w:rPr>
        <w:t>eveltemplateid67698715\'05\'00.\'01.\'02;}{\levelnumbers\'01\'03\'05;}\b\fbias0 \fi-720\li1080\jclisttab\tx1080\lin1080 }{\listlevel\levelnfc0\levelnfcn0\leveljc0\leveljcn0\levelfollow0\levelstartat1\levellegal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</w:t>
      </w:r>
      <w:r w:rsidRPr="005B592D">
        <w:rPr>
          <w:rFonts w:ascii="Courier New" w:hAnsi="Courier New" w:cs="Courier New"/>
        </w:rPr>
        <w:t>mplateid67698703\'07\'00.\'01.\'02.\'03;}{\levelnumbers\'01\'03\'05\'07;}\b\fbias0 \fi-1080\li1440\jclisttab\tx1440\lin1440 }{\listlevel\levelnfc0\levelnfcn0\leveljc0\leveljcn0\levelfollow0\levelstartat1\levellegal\levelspace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</w:t>
      </w:r>
      <w:r w:rsidRPr="005B592D">
        <w:rPr>
          <w:rFonts w:ascii="Courier New" w:hAnsi="Courier New" w:cs="Courier New"/>
        </w:rPr>
        <w:t>eltemplateid67698713\'09\'00.\'01.\'02.\'03.\'04;}{\levelnumbers\'01\'03\'05\'07\'09;}\b\fbias0 \fi-1080\li1440\jclisttab\tx1440\lin1440 }{\listlevel\levelnfc0\levelnfcn0\leveljc0\leveljcn0\levelfollow0\levelstartat1\levellegal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</w:t>
      </w:r>
      <w:r w:rsidRPr="005B592D">
        <w:rPr>
          <w:rFonts w:ascii="Courier New" w:hAnsi="Courier New" w:cs="Courier New"/>
        </w:rPr>
        <w:t>leveltext\leveltemplateid67698715\'0b\'00.\'01.\'02.\'03.\'04.\'05;}{\levelnumbers\'01\'03\'05\'07\'09\'0b;}\b\fbias0 \fi-1440\li1800\jclisttab\tx1800\lin1800 }{\listlevel\levelnfc0\levelnfcn0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legal\leve</w:t>
      </w:r>
      <w:r w:rsidRPr="005B592D">
        <w:rPr>
          <w:rFonts w:ascii="Courier New" w:hAnsi="Courier New" w:cs="Courier New"/>
        </w:rPr>
        <w:t>lspace0\levelindent0{\leveltext\leveltemplateid67698703\'0d\'00.\'01.\'02.\'03.\'04.\'05.\'06;}{\levelnumbers\'01\'03\'05\'07\'09\'0b\'0d;}\b\fbias0 \fi-1440\li1800\jclisttab\tx1800\lin1800 }{\listlevel\levelnfc0\levelnfcn0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</w:t>
      </w:r>
      <w:r w:rsidRPr="005B592D">
        <w:rPr>
          <w:rFonts w:ascii="Courier New" w:hAnsi="Courier New" w:cs="Courier New"/>
        </w:rPr>
        <w:t>0\levelstartat1\levellegal\levelspace0\levelindent0{\leveltext\leveltemplateid67698713\'0f\'00.\'01.\'02.\'03.\'04.\'05.\'06.\'07;}{\levelnumbers\'01\'03\'05\'07\'09\'0b\'0d\'0f;}\b\fbias0 \fi-1800\li2160\jclisttab\tx2160\lin216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0\l</w:t>
      </w:r>
      <w:r w:rsidRPr="005B592D">
        <w:rPr>
          <w:rFonts w:ascii="Courier New" w:hAnsi="Courier New" w:cs="Courier New"/>
        </w:rPr>
        <w:t>evelnfcn0\leveljc0\leveljcn0\levelfollow0\levelstartat1\levellegal\levelspace0\levelindent0{\leveltext\leveltemplateid67698715\'11\'00.\'01.\'02.\'03.\'04.\'05.\'06.\'07.\'08;}{\levelnumbers\'01\'03\'05\'07\'09\'0b\'0d\'0f\'11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b\fbias0 \fi-1800\li2160\</w:t>
      </w:r>
      <w:r w:rsidRPr="005B592D">
        <w:rPr>
          <w:rFonts w:ascii="Courier New" w:hAnsi="Courier New" w:cs="Courier New"/>
        </w:rPr>
        <w:t>jclisttab\tx2160\lin2160 }{\listname ;}\listid1594243975}{\list\listtemplateid1291722000\listhybrid{\listlevel\levelnfc23\levelnfcn23\leveljc0\leveljcn0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89\'01\u-3913 ?</w:t>
      </w:r>
      <w:r w:rsidRPr="005B592D">
        <w:rPr>
          <w:rFonts w:ascii="Courier New" w:hAnsi="Courier New" w:cs="Courier New"/>
        </w:rPr>
        <w:t>;}{\levelnumbers;}\f3\fbias0 \fi-360\li720\jclisttab\tx720\lin720 }{\listlevel\levelnfc0\levelnfcn0\leveljc0\leveljcn0\levelfollow0\levelstartat1\levelspace360\levelindent0{\leveltext\leveltemplateid6769870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1.;}{\levelnumbers\'01;}\fi-360\li1440\j</w:t>
      </w:r>
      <w:r w:rsidRPr="005B592D">
        <w:rPr>
          <w:rFonts w:ascii="Courier New" w:hAnsi="Courier New" w:cs="Courier New"/>
        </w:rPr>
        <w:t>clisttab\tx1440\lin1440 }{\listlevel\levelnfc23\levelnfcn23\leveljc0\leveljcn0\levelfollow0\levelstartat1\levelspace360\levelindent0{\leveltext\leveltemplateid67698693\'01\u-3929 ?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10\fbias0 \fi-360\li2160\jclisttab\tx2160\lin2160 }{\l</w:t>
      </w:r>
      <w:r w:rsidRPr="005B592D">
        <w:rPr>
          <w:rFonts w:ascii="Courier New" w:hAnsi="Courier New" w:cs="Courier New"/>
        </w:rPr>
        <w:t>istlevel\levelnfc23\levelnfcn23\leveljc0\leveljcn0\levelfollow0\levelstartat1\levelspace360\levelindent0{\leveltext\leveltemplateid67698689\'01\u-3913 ?;}{\levelnumbers;}\f3\fbias0 \fi-360\li288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2880\lin2880 }{\listlevel\levelnfc23\levelnfcn</w:t>
      </w:r>
      <w:r w:rsidRPr="005B592D">
        <w:rPr>
          <w:rFonts w:ascii="Courier New" w:hAnsi="Courier New" w:cs="Courier New"/>
        </w:rPr>
        <w:t>23\leveljc0\leveljcn0\levelfollow0\levelstartat1\levelspace360\levelindent0{\leveltext\leveltemplateid67698691\'01o;}{\levelnumbers;}\f2\fbias0 \fi-360\li3600\jclisttab\tx3600\lin360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3\levelnfcn23\leveljc0\leveljcn0\levelfollow0\le</w:t>
      </w:r>
      <w:r w:rsidRPr="005B592D">
        <w:rPr>
          <w:rFonts w:ascii="Courier New" w:hAnsi="Courier New" w:cs="Courier New"/>
        </w:rPr>
        <w:t>velstartat1\levelspace360\levelindent0{\leveltext\leveltemplateid67698693\'01\u-3929 ?;}{\levelnumbers;}\f10\fbias0 \fi-360\li4320\jclisttab\tx4320\lin4320 }{\listlevel\levelnfc23\levelnfcn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360\le</w:t>
      </w:r>
      <w:r w:rsidRPr="005B592D">
        <w:rPr>
          <w:rFonts w:ascii="Courier New" w:hAnsi="Courier New" w:cs="Courier New"/>
        </w:rPr>
        <w:t>velindent0{\leveltext\leveltemplateid67698689\'01\u-3913 ?;}{\levelnumbers;}\f3\fbias0 \fi-360\li5040\jclisttab\tx5040\lin504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</w:t>
      </w:r>
      <w:r w:rsidRPr="005B592D">
        <w:rPr>
          <w:rFonts w:ascii="Courier New" w:hAnsi="Courier New" w:cs="Courier New"/>
        </w:rPr>
        <w:t>mplateid67698691\'01o;}{\levelnumbers;}\f2\fbias0 \fi-360\li5760\jclisttab\tx5760\lin5760 }{\li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93\'01\u-3929 ?;}{\leve</w:t>
      </w:r>
      <w:r w:rsidRPr="005B592D">
        <w:rPr>
          <w:rFonts w:ascii="Courier New" w:hAnsi="Courier New" w:cs="Courier New"/>
        </w:rPr>
        <w:t>lnumbers;}\f10\fbias0 \fi-360\li6480\jclisttab\tx6480\lin6480 }{\listname ;}\listid1597709641}{\list\listtemplateid1659032850\listhybrid{\listlevel\levelnfc0\levelnf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2\levelspace0\levelindent0{\leveltext\lev</w:t>
      </w:r>
      <w:r w:rsidRPr="005B592D">
        <w:rPr>
          <w:rFonts w:ascii="Courier New" w:hAnsi="Courier New" w:cs="Courier New"/>
        </w:rPr>
        <w:t>eltemplateid1615253068\'02\'00.;}{\levelnumbers\'01;}\b\i0\fbias0 \fi-360\li1155\jclisttab\tx1155\lin1155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691\'01o</w:t>
      </w:r>
      <w:r w:rsidRPr="005B592D">
        <w:rPr>
          <w:rFonts w:ascii="Courier New" w:hAnsi="Courier New" w:cs="Courier New"/>
        </w:rPr>
        <w:t>;}{\levelnumbers;}\f2\fbias0 \fi-360\li1440\jclisttab\tx1440\lin1440 }{\listlevel\levelnfc2\levelnfcn2\leveljc2\leveljcn2\levelfollow0\levelstartat1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67698715\'02\'02.;}{\levelnumbers\'01;}\fi-180\li2160\</w:t>
      </w:r>
      <w:r w:rsidRPr="005B592D">
        <w:rPr>
          <w:rFonts w:ascii="Courier New" w:hAnsi="Courier New" w:cs="Courier New"/>
        </w:rPr>
        <w:t>jclisttab\tx2160\lin2160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03\'02\'03.;}{\levelnumbers\'01;}\fi-360\li2880\jclisttab\tx2880\lin2880 }{\listlevel\leveln</w:t>
      </w:r>
      <w:r w:rsidRPr="005B592D">
        <w:rPr>
          <w:rFonts w:ascii="Courier New" w:hAnsi="Courier New" w:cs="Courier New"/>
        </w:rPr>
        <w:t>fc4\levelnfcn4\leveljc0\leveljcn0\levelfollow0\levelstartat1\levelspace0\levelindent0{\leveltext\leveltemplateid676987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4.;}{\levelnumbers\'01;}\fi-360\li3600\jclisttab\tx3600\lin3600 }{\listlevel\levelnfc2\levelnfcn2\leveljc2\leveljcn2\levelfollo</w:t>
      </w:r>
      <w:r w:rsidRPr="005B592D">
        <w:rPr>
          <w:rFonts w:ascii="Courier New" w:hAnsi="Courier New" w:cs="Courier New"/>
        </w:rPr>
        <w:t>w0\levelstartat1\levelspace0\levelindent0{\leveltext\leveltemplateid67698715\'02\'05.;}{\levelnumbers\'01;}\fi-180\li432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4320\lin4320 }{\listlevel\levelnfc0\levelnfcn0\leveljc0\leveljcn0\levelfollow0\levelstartat1\levelspace0\levelindent0{\l</w:t>
      </w:r>
      <w:r w:rsidRPr="005B592D">
        <w:rPr>
          <w:rFonts w:ascii="Courier New" w:hAnsi="Courier New" w:cs="Courier New"/>
        </w:rPr>
        <w:t>eveltext\leveltemplateid67698703\'02\'06.;}{\levelnumbers\'01;}\fi-360\li5040\jclisttab\tx5040\lin504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4\levelnfcn4\leveljc0\leveljcn0\levelfollow0\levelstartat1\levelspace0\levelindent0{\leveltext\leveltemplateid67698713\'02\'07.;}{</w:t>
      </w:r>
      <w:r w:rsidRPr="005B592D">
        <w:rPr>
          <w:rFonts w:ascii="Courier New" w:hAnsi="Courier New" w:cs="Courier New"/>
        </w:rPr>
        <w:t>\levelnumbers\'01;}\fi-360\li5760\jclisttab\tx5760\lin5760 }{\listlevel\levelnfc2\levelnfcn2\leveljc2\leveljcn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0\levelindent0{\leveltext\leveltemplateid67698715\'02\'08.;}{\levelnumbers\'01;}\fi-180\li6480\jclisttab\</w:t>
      </w:r>
      <w:r w:rsidRPr="005B592D">
        <w:rPr>
          <w:rFonts w:ascii="Courier New" w:hAnsi="Courier New" w:cs="Courier New"/>
        </w:rPr>
        <w:t>tx6480\lin6480 }{\listname ;}\listid1650593867}{\list\listtemplateid-485450912\listhybrid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360\levelindent0{\leveltext\leveltemplateid67698689\'01\u-3913 ?;}{\leveln</w:t>
      </w:r>
      <w:r w:rsidRPr="005B592D">
        <w:rPr>
          <w:rFonts w:ascii="Courier New" w:hAnsi="Courier New" w:cs="Courier New"/>
        </w:rPr>
        <w:t>umbers;}\f3\fbias0 \fi-360\li720\jclisttab\tx720\lin720 }{\listlevel\levelnfc23\levelnfc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691\'01o;}{\levelnumbers;}\f2\fbias0 \fi-360\li1440\jclist</w:t>
      </w:r>
      <w:r w:rsidRPr="005B592D">
        <w:rPr>
          <w:rFonts w:ascii="Courier New" w:hAnsi="Courier New" w:cs="Courier New"/>
        </w:rPr>
        <w:t>tab\tx1440\lin1440 }{\listlevel\levelnfc23\levelnfcn23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93\'01\u-3929 ?;}{\levelnumbers;}\f10\fbias0 \fi-360\li2160\jclisttab\tx2160\lin2160 }{\listle</w:t>
      </w:r>
      <w:r w:rsidRPr="005B592D">
        <w:rPr>
          <w:rFonts w:ascii="Courier New" w:hAnsi="Courier New" w:cs="Courier New"/>
        </w:rPr>
        <w:t>vel\levelnfc23\levelnfcn23\leveljc0\leveljcn0\levelfollow0\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89\'01\u-3913 ?;}{\levelnumbers;}\f3\fbias0 \fi-360\li2880\jclisttab\tx2880\lin2880 }{\listlevel\levelnfc23\levelnfcn23\le</w:t>
      </w:r>
      <w:r w:rsidRPr="005B592D">
        <w:rPr>
          <w:rFonts w:ascii="Courier New" w:hAnsi="Courier New" w:cs="Courier New"/>
        </w:rPr>
        <w:t>veljc0\leveljcn0\levelfollow0\levelstartat1\levelspace36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fi-360\li3600\jclisttab\tx3600\lin3600 }{\listlevel\levelnfc23\levelnfcn23\leveljc0\leveljcn0\levelfollow0\levelst</w:t>
      </w:r>
      <w:r w:rsidRPr="005B592D">
        <w:rPr>
          <w:rFonts w:ascii="Courier New" w:hAnsi="Courier New" w:cs="Courier New"/>
        </w:rPr>
        <w:t>artat1\levelspace360\levelindent0{\leveltext\levelt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4320\jclisttab\tx4320\lin4320 }{\listlevel\levelnfc23\levelnfcn23\leveljc0\leveljcn0\levelfollow0\levelstartat1\levelspace360\levelin</w:t>
      </w:r>
      <w:r w:rsidRPr="005B592D">
        <w:rPr>
          <w:rFonts w:ascii="Courier New" w:hAnsi="Courier New" w:cs="Courier New"/>
        </w:rPr>
        <w:t>dent0{\leveltext\leveltemplateid67698689\'01\u-3913 ?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f3\fbias0 \fi-360\li5040\jclisttab\tx5040\lin5040 }{\listlevel\levelnfc23\levelnfcn23\leveljc0\leveljcn0\levelfollow0\levelstartat1\levelspace360\levelindent0{\leveltext\leveltemplat</w:t>
      </w:r>
      <w:r w:rsidRPr="005B592D">
        <w:rPr>
          <w:rFonts w:ascii="Courier New" w:hAnsi="Courier New" w:cs="Courier New"/>
        </w:rPr>
        <w:t>eid67698691\'01o;}{\levelnumbers;}\f2\fbias0 \fi-360\li57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5760\lin5760 }{\listlevel\levelnfc23\levelnfcn23\leveljc0\leveljcn0\levelfollow0\levelstartat1\levelspace360\levelindent0{\leveltext\leveltemplateid67698693\'01\u-3929 ?;}{\levelnumb</w:t>
      </w:r>
      <w:r w:rsidRPr="005B592D">
        <w:rPr>
          <w:rFonts w:ascii="Courier New" w:hAnsi="Courier New" w:cs="Courier New"/>
        </w:rPr>
        <w:t>ers;}\f10\fbias0 \fi-360\li6480\jclisttab\tx6480\lin648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name ;}\listid1769420896}{\list\listtemplateid-1837741878\listhybrid{\listlevel\levelnfc23\levelnfcn23\leveljc0\leveljcn0\levelfollow0\levelstartat1\levelspace360\levelindent0{\leveltext\lev</w:t>
      </w:r>
      <w:r w:rsidRPr="005B592D">
        <w:rPr>
          <w:rFonts w:ascii="Courier New" w:hAnsi="Courier New" w:cs="Courier New"/>
        </w:rPr>
        <w:t>eltemplateid67698689\'01\u-3913 ?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3\fbias0 \fi-360\li720\jclisttab\tx720\lin720 }{\listlevel\levelnfc23\levelnfcn23\leveljc0\leveljcn0\levelfollow0\levelstartat1\levelspace360\levelindent0{\leveltext\leveltemplateid67698691\'01o;}{\lev</w:t>
      </w:r>
      <w:r w:rsidRPr="005B592D">
        <w:rPr>
          <w:rFonts w:ascii="Courier New" w:hAnsi="Courier New" w:cs="Courier New"/>
        </w:rPr>
        <w:t>elnumbers;}\f2\fbias0 \fi-360\li144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1440\lin1440 }{\listlevel\levelnfc23\levelnfcn23\leveljc0\leveljcn0\levelfollow0\levelstartat1\levelspace360\levelindent0{\leveltext\leveltemplateid67698693\'01\u-3929 ?;}{\levelnumbers;}\f10\fbias0 \fi-36</w:t>
      </w:r>
      <w:r w:rsidRPr="005B592D">
        <w:rPr>
          <w:rFonts w:ascii="Courier New" w:hAnsi="Courier New" w:cs="Courier New"/>
        </w:rPr>
        <w:t>0\li2160\jclisttab\tx2160\lin216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eljc0\leveljcn0\levelfollow0\levelstartat1\levelspace360\levelindent0{\leveltext\leveltemplateid67698689\'01\u-3913 ?;}{\levelnumbers;}\f3\fbias0 \fi-360\li2880\jclisttab\tx2880\lin</w:t>
      </w:r>
      <w:r w:rsidRPr="005B592D">
        <w:rPr>
          <w:rFonts w:ascii="Courier New" w:hAnsi="Courier New" w:cs="Courier New"/>
        </w:rPr>
        <w:t>2880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360\levelindent0{\leveltext\leveltemplateid67698691\'01o;}{\levelnumbers;}\f2\fbias0 \fi-360\li3600\jclisttab\tx3600\lin3600 }{\listlevel\levelnfc23\levelnfc</w:t>
      </w:r>
      <w:r w:rsidRPr="005B592D">
        <w:rPr>
          <w:rFonts w:ascii="Courier New" w:hAnsi="Courier New" w:cs="Courier New"/>
        </w:rPr>
        <w:t>n23\leveljc0\levelj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follow0\levelstartat1\levelspace360\levelindent0{\leveltext\leveltemplateid67698693\'01\u-3929 ?;}{\levelnumbers;}\f10\fbias0 \fi-360\li4320\jclisttab\tx4320\lin4320 }{\listlevel\levelnfc23\levelnfcn23\leveljc0\leveljcn0\level</w:t>
      </w:r>
      <w:r w:rsidRPr="005B592D">
        <w:rPr>
          <w:rFonts w:ascii="Courier New" w:hAnsi="Courier New" w:cs="Courier New"/>
        </w:rPr>
        <w:t>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89\'01\u-3913 ?;}{\levelnumbers;}\f3\fbias0 \fi-360\li5040\jclisttab\tx5040\lin5040 }{\listlevel\levelnfc23\levelnfcn23\leveljc0\leveljcn0\levelfollow0\levelstartat1\levelsp</w:t>
      </w:r>
      <w:r w:rsidRPr="005B592D">
        <w:rPr>
          <w:rFonts w:ascii="Courier New" w:hAnsi="Courier New" w:cs="Courier New"/>
        </w:rPr>
        <w:t>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91\'01o;}{\levelnumbers;}\f2\fbias0 \fi-360\li5760\jclisttab\tx5760\lin5760 }{\listlevel\levelnfc23\levelnfcn23\leveljc0\leveljcn0\levelfollow0\levelstartat1\levelspace360\levelindent0{\leveltext\levelt</w:t>
      </w:r>
      <w:r w:rsidRPr="005B592D">
        <w:rPr>
          <w:rFonts w:ascii="Courier New" w:hAnsi="Courier New" w:cs="Courier New"/>
        </w:rPr>
        <w:t>emplatei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6480\jclisttab\tx6480\lin6480 }{\listname ;}\listid1847819210}{\list\listtemplateid1961150982\listhybrid{\listlevel\levelnfc23\levelnfcn23\leveljc0\leveljcn0\levelfollow0\levelstartat1</w:t>
      </w:r>
      <w:r w:rsidRPr="005B592D">
        <w:rPr>
          <w:rFonts w:ascii="Courier New" w:hAnsi="Courier New" w:cs="Courier New"/>
        </w:rPr>
        <w:t>\levelspa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leveltemplateid-772237288\'01\u-3913 ?;}{\levelnumbers;}\f3\fs14\fbias0 \fi-340\li340\jclisttab\tx360\lin340 }{\listlevel\levelnfc23\levelnfcn23\leveljc0\leveljcn0\levelfollow0\levelstartat1\levelspace0\levelindent0{\</w:t>
      </w:r>
      <w:r w:rsidRPr="005B592D">
        <w:rPr>
          <w:rFonts w:ascii="Courier New" w:hAnsi="Courier New" w:cs="Courier New"/>
        </w:rPr>
        <w:t>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-633704358\'01\u-3913 ?;}{\levelnumbers;}\f3\fs14\cf1\fbias0 \fi-340\li1420\jclisttab\tx1440\lin1420 }{\listlevel\levelnfc23\levelnfcn23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</w:t>
      </w:r>
      <w:r w:rsidRPr="005B592D">
        <w:rPr>
          <w:rFonts w:ascii="Courier New" w:hAnsi="Courier New" w:cs="Courier New"/>
        </w:rPr>
        <w:t>plateid67698693\'01\u-3929 ?;}{\levelnumbers;}\f10\fbias0 \fi-360\li2160\jclisttab\tx2160\lin2160 }{\listlevel\levelnfc23\levelnfcn23\leveljc0\leveljcn0\levelfollow0\levelstartat1\levelspace0\levelindent0{\leveltext\leveltemplateid6769868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13 ?;}</w:t>
      </w:r>
      <w:r w:rsidRPr="005B592D">
        <w:rPr>
          <w:rFonts w:ascii="Courier New" w:hAnsi="Courier New" w:cs="Courier New"/>
        </w:rPr>
        <w:t>{\levelnumbers;}\f3\fbias0 \fi-360\li2880\jclisttab\tx2880\lin2880 }{\listlevel\levelnfc23\levelnfcn23\leveljc0\leveljcn0\levelfollow0\levelstartat1\levelspace0\levelindent0{\leveltext\leveltemplateid67698691\'01o;}{\levelnumbers;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2\fbias0 \fi-360\li36</w:t>
      </w:r>
      <w:r w:rsidRPr="005B592D">
        <w:rPr>
          <w:rFonts w:ascii="Courier New" w:hAnsi="Courier New" w:cs="Courier New"/>
        </w:rPr>
        <w:t>00\jclisttab\tx3600\lin3600 }{\listlevel\levelnfc23\levelnfcn23\leveljc0\leveljcn0\levelfollow0\levelstartat1\levelspace0\levelindent0{\leveltext\leveltemplateid67698693\'01\u-3929 ?;}{\levelnumbers;}\f10\fbias0 \fi-360\li432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4320\lin4320 }{</w:t>
      </w:r>
      <w:r w:rsidRPr="005B592D">
        <w:rPr>
          <w:rFonts w:ascii="Courier New" w:hAnsi="Courier New" w:cs="Courier New"/>
        </w:rPr>
        <w:t>\listlevel\levelnfc23\levelnfcn23\leveljc0\leveljcn0\levelfollow0\levelstartat1\levelspace0\levelindent0{\leveltext\leveltemplateid67698689\'01\u-3913 ?;}{\levelnumbers;}\f3\fbias0 \fi-360\li5040\jclisttab\tx5040\lin504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</w:t>
      </w:r>
      <w:r w:rsidRPr="005B592D">
        <w:rPr>
          <w:rFonts w:ascii="Courier New" w:hAnsi="Courier New" w:cs="Courier New"/>
        </w:rPr>
        <w:t>23\leveljc0\leveljcn0\levelfollow0\levelstartat1\levelspace0\levelindent0{\leveltext\leveltemplateid67698691\'01o;}{\levelnumbers;}\f2\fbias0 \fi-360\li5760\jclisttab\tx5760\lin5760 }{\listlevel\levelnfc23\levelnfcn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</w:t>
      </w:r>
      <w:r w:rsidRPr="005B592D">
        <w:rPr>
          <w:rFonts w:ascii="Courier New" w:hAnsi="Courier New" w:cs="Courier New"/>
        </w:rPr>
        <w:t>lstartat1\levelspace0\levelindent0{\leveltext\leveltemplateid67698693\'01\u-3929 ?;}{\levelnumbers;}\f10\fbias0 \fi-360\li6480\jclisttab\tx6480\lin6480 }{\listname ;}\listid1856458044}{\list\listtemplateid2675241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istsimple{\listlevel\levelnfc23\leveln</w:t>
      </w:r>
      <w:r w:rsidRPr="005B592D">
        <w:rPr>
          <w:rFonts w:ascii="Courier New" w:hAnsi="Courier New" w:cs="Courier New"/>
        </w:rPr>
        <w:t>fcn23\leveljc0\leveljcn0\levelfollow0\levelstartat8\levelspace0\levelindent0{\leveltext\'01\u-3913 ?;}{\levelnumbers;}\f3\fbias0 \fi-360\li360\jclisttab\tx360\lin360 }{\listname ;}\listid1908950110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\listtemplateid-1201236274\listhybrid{\listlevel\l</w:t>
      </w:r>
      <w:r w:rsidRPr="005B592D">
        <w:rPr>
          <w:rFonts w:ascii="Courier New" w:hAnsi="Courier New" w:cs="Courier New"/>
        </w:rPr>
        <w:t>evelnfc4\levelnfcn4\leveljc0\leveljcn0\levelfollow0\levelstartat1\levelspace0\levelindent0{\leveltext\leveltemplateid67698713\'02\'00.;}{\levelnumbers\'01;}\fi-360\li1440\jclisttab\tx1440\lin144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4\levelnfcn4\leveljc0\leveljcn0\level</w:t>
      </w:r>
      <w:r w:rsidRPr="005B592D">
        <w:rPr>
          <w:rFonts w:ascii="Courier New" w:hAnsi="Courier New" w:cs="Courier New"/>
        </w:rPr>
        <w:t>follow0\levelstartat1\levelspace0\levelindent0{\leveltext\leveltemplateid67698713\'02\'01.;}{\levelnumbers\'01;}\fi-360\li1440\jclisttab\tx1440\lin1440 }{\listlevel\levelnfc2\levelnfcn2\leveljc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2\levelfollow0\levelstartat1\levelspace0\levelinden</w:t>
      </w:r>
      <w:r w:rsidRPr="005B592D">
        <w:rPr>
          <w:rFonts w:ascii="Courier New" w:hAnsi="Courier New" w:cs="Courier New"/>
        </w:rPr>
        <w:t>t0{\leveltext\leveltemplateid67698715\'02\'02.;}{\levelnumbers\'01;}\fi-180\li2160\jclisttab\tx2160\lin2160 }{\listlevel\levelnfc0\levelnfcn0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leveltemplateid67698703\'02\'0</w:t>
      </w:r>
      <w:r w:rsidRPr="005B592D">
        <w:rPr>
          <w:rFonts w:ascii="Courier New" w:hAnsi="Courier New" w:cs="Courier New"/>
        </w:rPr>
        <w:t>3.;}{\levelnumbers\'01;}\fi-360\li2880\jclisttab\tx2880\lin2880 }{\listlevel\levelnfc4\levelnfcn4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713\'02\'04.;}{\levelnumbers\'01;}\fi-360\li3600\jclis</w:t>
      </w:r>
      <w:r w:rsidRPr="005B592D">
        <w:rPr>
          <w:rFonts w:ascii="Courier New" w:hAnsi="Courier New" w:cs="Courier New"/>
        </w:rPr>
        <w:t>ttab\tx3600\lin3600 }{\listlevel\levelnfc2\levelnfcn2\leveljc2\leveljcn2\levelfollow0\levelstartat1\levelspace0\levelindent0{\leveltext\leveltemplateid6769871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2\'05.;}{\levelnumbers\'01;}\fi-180\li4320\jclisttab\tx4320\lin4320 }{\listlevel\levelnfc0\l</w:t>
      </w:r>
      <w:r w:rsidRPr="005B592D">
        <w:rPr>
          <w:rFonts w:ascii="Courier New" w:hAnsi="Courier New" w:cs="Courier New"/>
        </w:rPr>
        <w:t>evelnfcn0\leveljc0\leveljcn0\levelfollow0\levelstartat1\levelspace0\levelindent0{\leveltext\leveltemplateid67698703\'02\'06.;}{\levelnumbers\'01;}\fi-360\li504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5040\lin5040 }{\listlevel\levelnfc4\levelnfcn4\leveljc0\leveljcn0\levelfollow0\le</w:t>
      </w:r>
      <w:r w:rsidRPr="005B592D">
        <w:rPr>
          <w:rFonts w:ascii="Courier New" w:hAnsi="Courier New" w:cs="Courier New"/>
        </w:rPr>
        <w:t>velstartat1\levelspace0\levelindent0{\leveltext\leveltemplateid67698713\'02\'07.;}{\levelnumbers\'01;}\fi-360\li5760\jclisttab\tx5760\lin576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2\levelnfcn2\leveljc2\leveljcn2\levelfollow0\levelstartat1\levelspace0\levelindent0{\levelt</w:t>
      </w:r>
      <w:r w:rsidRPr="005B592D">
        <w:rPr>
          <w:rFonts w:ascii="Courier New" w:hAnsi="Courier New" w:cs="Courier New"/>
        </w:rPr>
        <w:t>ext\leveltemplateid67698715\'02\'08.;}{\levelnumbers\'01;}\fi-180\li6480\jclisttab\tx6480\lin6480 }{\listname ;}\listid1914201166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\listtemplateid992914542{\listlevel\levelnfc0\levelnfcn0\leveljc0\leveljcn0\levelfollow0\levelstartat1\levelspace0\lev</w:t>
      </w:r>
      <w:r w:rsidRPr="005B592D">
        <w:rPr>
          <w:rFonts w:ascii="Courier New" w:hAnsi="Courier New" w:cs="Courier New"/>
        </w:rPr>
        <w:t>elindent0{\leveltext\'02\'00.;}{\levelnumbers\'01;}\fbias0 \fi-623\li907\jclisttab\tx907\lin907 }{\listlevel\levelnfc0\levelnf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0\levelindent0{\leveltext\'03\'00.\'01;}{\levelnumbers\'01\'03;}\fbi</w:t>
      </w:r>
      <w:r w:rsidRPr="005B592D">
        <w:rPr>
          <w:rFonts w:ascii="Courier New" w:hAnsi="Courier New" w:cs="Courier New"/>
        </w:rPr>
        <w:t>as0 \fi-737\li1701\jclisttab\tx1701\lin1701 }{\listlevel\levelnfc0\levelnfcn0\leve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0\levelindent0{\leveltext\'05\'00.\'01.\'02;}{\levelnumbers\'01\'03\'05;}\fbias0 \fi-510\li1474\jclisttab\tx1684\lin1474</w:t>
      </w:r>
      <w:r w:rsidRPr="005B592D">
        <w:rPr>
          <w:rFonts w:ascii="Courier New" w:hAnsi="Courier New" w:cs="Courier New"/>
        </w:rPr>
        <w:t xml:space="preserve"> }{\listlevel\levelnfc0\levelnfcn0\leveljc0\leveljcn0\levelfollow0\levelstartat1\levelspace0\l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7\'00.\'01.\'02.\'03;}{\levelnumbers\'01\'03\'05\'07;}\fbias0 \jclisttab\tx0 }{\listlevel\levelnfc0\levelnfcn0\leveljc0\leveljcn0\level</w:t>
      </w:r>
      <w:r w:rsidRPr="005B592D">
        <w:rPr>
          <w:rFonts w:ascii="Courier New" w:hAnsi="Courier New" w:cs="Courier New"/>
        </w:rPr>
        <w:t>follow0\levelstartat1\levelspace0\levelindent0{\leveltext\'09\'00.\'01.\'02.\'03.\'04;}{\levelnumber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'03\'05\'07\'09;}\fbias0 \jclisttab\tx0 }{\listlevel\levelnfc0\levelnfcn0\leveljc0\leveljcn0\levelfollow0\levelstartat1\levelspace0\levelindent0{\le</w:t>
      </w:r>
      <w:r w:rsidRPr="005B592D">
        <w:rPr>
          <w:rFonts w:ascii="Courier New" w:hAnsi="Courier New" w:cs="Courier New"/>
        </w:rPr>
        <w:t xml:space="preserve">veltext\'0b\'00.\'01.\'02.\'03.\'04.\'05;}{\levelnumbers\'01\'03\'05\'07\'09\'0b;}\fbias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jclisttab\tx0 }{\listlevel\levelnfc0\levelnfcn0\leveljc0\leveljcn0\levelfollow0\levelstartat1\levelspace0\levelindent0{\leveltext\'0d\'00.\'01.\'02.\'03.\'04.\'05.</w:t>
      </w:r>
      <w:r w:rsidRPr="005B592D">
        <w:rPr>
          <w:rFonts w:ascii="Courier New" w:hAnsi="Courier New" w:cs="Courier New"/>
        </w:rPr>
        <w:t>\'06;}{\levelnumbers\'01\'03\'05\'07\'09\'0b\'0d;}\fbias0 \jclisttab\tx0 }{\listlevel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0\levelnfcn0\leveljc0\leveljcn0\levelfollow0\levelstartat1\levelspace0\levelindent0{\leveltext\'0f\'00.\'01.\'02.\'03.\'04.\'05.\'06.\'07;}{\levelnumbers\'01\'0</w:t>
      </w:r>
      <w:r w:rsidRPr="005B592D">
        <w:rPr>
          <w:rFonts w:ascii="Courier New" w:hAnsi="Courier New" w:cs="Courier New"/>
        </w:rPr>
        <w:t>3\'05\'07\'09\'0b\'0d\'0f;}\fbias0 \jclisttab\tx0 }{\listlevel\levelnfc0\levelnfcn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0\leveljcn0\levelfollow0\levelstartat1\levelspace0\levelindent0{\leveltext\'11\'00.\'01.\'02.\'03.\'04.\'05.\'06.\'07.\'08;}{\levelnumbers\'01\'03\'05\'07\'09\'0b\</w:t>
      </w:r>
      <w:r w:rsidRPr="005B592D">
        <w:rPr>
          <w:rFonts w:ascii="Courier New" w:hAnsi="Courier New" w:cs="Courier New"/>
        </w:rPr>
        <w:t>'0d\'0f\'11;}\fbias0 \jclisttab\tx0 }{\listname ;}\listid2002348228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\listtemplateid134807553\listsimple{\listlevel\levelnfc23\levelnfcn23\leveljc0\leveljcn0\levelfollow0\levelstartat1\levelspace0\levelindent0{\leveltext\'01\u-3913 ?;}{\levelnumbers</w:t>
      </w:r>
      <w:r w:rsidRPr="005B592D">
        <w:rPr>
          <w:rFonts w:ascii="Courier New" w:hAnsi="Courier New" w:cs="Courier New"/>
        </w:rPr>
        <w:t xml:space="preserve">;}\f3\fbias0 \fi-360\li360\jclisttab\tx360\lin360 }{\listname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;}\listid2060663907}{\list\listtemplateid-614040666\listhybrid{\listlevel\levelnfc23\levelnfcn23\leveljc0\leveljcn0\levelfollow0\levelstartat1\levelspace360\levelindent0{\leveltext\leveltempla</w:t>
      </w:r>
      <w:r w:rsidRPr="005B592D">
        <w:rPr>
          <w:rFonts w:ascii="Courier New" w:hAnsi="Courier New" w:cs="Courier New"/>
        </w:rPr>
        <w:t xml:space="preserve">teid67698689\'01\u-3913 ?;}{\levelnumbers;}\f3\fbias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i-360\li720\jclisttab\tx720\lin720 }{\listlevel\levelnfc23\levelnfcn23\leveljc0\leveljcn0\levelfollow0\levelstartat1\levelspace360\levelindent0{\leveltext\leveltemplateid67698691\'01o;}{\levelnumber</w:t>
      </w:r>
      <w:r w:rsidRPr="005B592D">
        <w:rPr>
          <w:rFonts w:ascii="Courier New" w:hAnsi="Courier New" w:cs="Courier New"/>
        </w:rPr>
        <w:t>s;}\f2\fbias0 \fi-360\li1440\jclisttab\tx1440\lin1440 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level\levelnfc23\levelnfcn23\leveljc0\leveljcn0\levelfollow0\levelstartat1\levelspace360\levelindent0{\leveltext\leveltemplateid67698693\'01\u-3929 ?;}{\levelnumbers;}\f10\fbias0 \fi-360\li2160</w:t>
      </w:r>
      <w:r w:rsidRPr="005B592D">
        <w:rPr>
          <w:rFonts w:ascii="Courier New" w:hAnsi="Courier New" w:cs="Courier New"/>
        </w:rPr>
        <w:t>\jclisttab\tx2160\lin2160 }{\listlevel\levelnfc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nfcn23\leveljc0\leveljcn0\levelfollow0\levelstartat1\levelspace360\levelindent0{\leveltext\leveltemplateid67698689\'01\u-3913 ?;}{\levelnumbers;}\f3\fbias0 \fi-360\li2880\jclisttab\tx2880\lin2880 }{\</w:t>
      </w:r>
      <w:r w:rsidRPr="005B592D">
        <w:rPr>
          <w:rFonts w:ascii="Courier New" w:hAnsi="Courier New" w:cs="Courier New"/>
        </w:rPr>
        <w:t>listlevel\levelnfc23\levelnfcn23\levelj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jcn0\levelfollow0\levelstartat1\levelspace360\levelindent0{\leveltext\leveltemplateid67698691\'01o;}{\levelnumbers;}\f2\fbias0 \fi-360\li3600\jclisttab\tx3600\lin3600 }{\listlevel\levelnfc23\levelnfcn23\leve</w:t>
      </w:r>
      <w:r w:rsidRPr="005B592D">
        <w:rPr>
          <w:rFonts w:ascii="Courier New" w:hAnsi="Courier New" w:cs="Courier New"/>
        </w:rPr>
        <w:t>ljc0\leveljcn0\levelfollow0\levelstartat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space360\levelindent0{\leveltext\leveltemplateid67698693\'01\u-3929 ?;}{\levelnumbers;}\f10\fbias0 \fi-360\li4320\jclisttab\tx4320\lin4320 }{\listlevel\levelnfc23\levelnfcn23\leveljc0\leveljcn0\levelfollow0\</w:t>
      </w:r>
      <w:r w:rsidRPr="005B592D">
        <w:rPr>
          <w:rFonts w:ascii="Courier New" w:hAnsi="Courier New" w:cs="Courier New"/>
        </w:rPr>
        <w:t>levelstartat1\levelspace360\levelindent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eveltext\leveltemplateid67698689\'01\u-3913 ?;}{\levelnumbers;}\f3\fbias0 \fi-360\li5040\jclisttab\tx5040\lin5040 }{\listlevel\levelnfc23\levelnfcn23\leveljc0\leveljcn0\levelfollow0\levelstartat1\levelspace360\l</w:t>
      </w:r>
      <w:r w:rsidRPr="005B592D">
        <w:rPr>
          <w:rFonts w:ascii="Courier New" w:hAnsi="Courier New" w:cs="Courier New"/>
        </w:rPr>
        <w:t>evelindent0{\leveltex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templateid67698691\'01o;}{\levelnumbers;}\f2\fbias0 \fi-360\li5760\jclisttab\tx5760\lin5760 }{\listlevel\levelnfc23\levelnfcn23\leveljc0\leveljcn0\levelfollow0\levelstartat1\levelspace360\levelindent0{\leveltext\leveltemplatei</w:t>
      </w:r>
      <w:r w:rsidRPr="005B592D">
        <w:rPr>
          <w:rFonts w:ascii="Courier New" w:hAnsi="Courier New" w:cs="Courier New"/>
        </w:rPr>
        <w:t>d676986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'01\u-3929 ?;}{\levelnumbers;}\f10\fbias0 \fi-360\li6480\jclisttab\tx6480\lin6480 }{\listname ;}\listid2129352869}{\list\listtemplateid134807553\listsimple{\listlevel\levelnfc23\levelnfcn23\leveljc0\leveljcn0\levelfollow0\levelstartat1\levelspa</w:t>
      </w:r>
      <w:r w:rsidRPr="005B592D">
        <w:rPr>
          <w:rFonts w:ascii="Courier New" w:hAnsi="Courier New" w:cs="Courier New"/>
        </w:rPr>
        <w:t>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evelindent0{\leveltext\'01\u-3913 ?;}{\levelnumbers;}\f3\fbias0 \fi-360\li360\jclisttab\tx360\lin360 }{\listname ;}\listid2135170436}}{\*\listoverridetable{\listoverride\listid-120\listoverridecount0\ls1}{\listoverride\listid-120\listoverridecount0\</w:t>
      </w:r>
      <w:r w:rsidRPr="005B592D">
        <w:rPr>
          <w:rFonts w:ascii="Courier New" w:hAnsi="Courier New" w:cs="Courier New"/>
        </w:rPr>
        <w:t>ls2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-120\listoverridecount0\ls3}{\listoverride\listid-120\listoverridecount0\ls4}{\listoverride\listid-120\listoverridecount0\ls5}{\listoverride\listid-120\listoverridecount0\ls6}{\listoverride\listid-120\listoverridecount0\ls7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</w:t>
      </w:r>
      <w:r w:rsidRPr="005B592D">
        <w:rPr>
          <w:rFonts w:ascii="Courier New" w:hAnsi="Courier New" w:cs="Courier New"/>
        </w:rPr>
        <w:t>istoverride\listid-120\listoverridecount0\ls8}{\listoverride\listid-120\listoverridecount0\ls9}{\listoverride\listid-120\listoverridecount0\ls10}{\listoverride\listid-120\listoverridecount0\ls11}{\listoverride\listid-120\listoverridecount0\ls12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</w:t>
      </w:r>
      <w:r w:rsidRPr="005B592D">
        <w:rPr>
          <w:rFonts w:ascii="Courier New" w:hAnsi="Courier New" w:cs="Courier New"/>
        </w:rPr>
        <w:t>rride\listid-120\listoverridecount0\ls13}{\listoverride\listid-120\listoverridecount0\ls14}{\listoverride\listid-120\listoverridecount0\ls15}{\listoverride\listid-120\listoverridecount0\ls16}{\listoverride\listid-120\listoverridecount0\ls17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</w:t>
      </w:r>
      <w:r w:rsidRPr="005B592D">
        <w:rPr>
          <w:rFonts w:ascii="Courier New" w:hAnsi="Courier New" w:cs="Courier New"/>
        </w:rPr>
        <w:t>e\listid-120\listoverridecount0\ls18}{\listoverride\listid-120\listoverridecount0\ls19}{\listoverride\listid-120\listoverridecount0\ls20}{\listoverride\listid-120\listoverridecount0\ls21}{\listoverride\listid-120\listoverridecount0\ls22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</w:t>
      </w:r>
      <w:r w:rsidRPr="005B592D">
        <w:rPr>
          <w:rFonts w:ascii="Courier New" w:hAnsi="Courier New" w:cs="Courier New"/>
        </w:rPr>
        <w:t>stid-120\listoverridecount0\ls23}{\listoverride\listid-120\listoverridecount0\ls24}{\listoverride\listid-120\listoverridecount0\ls25}{\listoverride\listid-120\listoverridecount0\ls26}{\listoverride\listid-120\listoverridecount0\ls27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</w:t>
      </w:r>
      <w:r w:rsidRPr="005B592D">
        <w:rPr>
          <w:rFonts w:ascii="Courier New" w:hAnsi="Courier New" w:cs="Courier New"/>
        </w:rPr>
        <w:t>-120\listoverridecount0\ls28}{\listoverride\listid-120\listoverridecount0\ls29}{\listoverride\listid-120\listoverridecount0\ls30}{\listoverride\listid-120\listoverridecount0\ls31}{\listoverride\listid-120\listoverridecount0\ls32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-120</w:t>
      </w:r>
      <w:r w:rsidRPr="005B592D">
        <w:rPr>
          <w:rFonts w:ascii="Courier New" w:hAnsi="Courier New" w:cs="Courier New"/>
        </w:rPr>
        <w:t>\listoverridecount0\ls33}{\listoverride\listid993678264\listoverridecount0\ls34}{\listoverride\listid1587108039\listoverridecount0\ls35}{\listoverride\listid400564815\listoverridecount0\ls36}{\listoverride\listid2987312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istoverridecount0\ls37}{\listov</w:t>
      </w:r>
      <w:r w:rsidRPr="005B592D">
        <w:rPr>
          <w:rFonts w:ascii="Courier New" w:hAnsi="Courier New" w:cs="Courier New"/>
        </w:rPr>
        <w:t>erride\listid435757058\listoverridecount0\ls38}{\listoverride\listid784739840\listoverridecount0\ls39}{\listoverride\listid1908950110\listoverridecount0\ls40}{\listoverride\listid156042255\listoverridecount0\ls41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626664706\listoverri</w:t>
      </w:r>
      <w:r w:rsidRPr="005B592D">
        <w:rPr>
          <w:rFonts w:ascii="Courier New" w:hAnsi="Courier New" w:cs="Courier New"/>
        </w:rPr>
        <w:t>decount0\ls42}{\listoverride\listid2060663907\listoverridecount0\ls43}{\listoverride\listid1516308889\listoverridecount0\ls44}{\listoverride\listid1511136052\listoverridecount0\ls45}{\listoverride\listid108364803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istoverridecount0\ls46}{\listoverride\l</w:t>
      </w:r>
      <w:r w:rsidRPr="005B592D">
        <w:rPr>
          <w:rFonts w:ascii="Courier New" w:hAnsi="Courier New" w:cs="Courier New"/>
        </w:rPr>
        <w:t>istid324166089\listoverridecount0\ls47}{\listoverride\listid534541097\listoverridecount0\ls48}{\listoverride\listid1847819210\listoverridecount0\ls49}{\listoverride\listid505287959\listoverridecount0\ls50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1493909643\listoverridecount</w:t>
      </w:r>
      <w:r w:rsidRPr="005B592D">
        <w:rPr>
          <w:rFonts w:ascii="Courier New" w:hAnsi="Courier New" w:cs="Courier New"/>
        </w:rPr>
        <w:t>0\ls51}{\listoverride\listid804469287\listoverridecount0\ls52}{\listoverride\listid1170027983\listoverridecount0\ls53}{\listoverride\listid1312296987\listoverridecount0\ls54}{\listoverride\listid27506259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istoverridecount0\ls55}{\listoverride\listid5286</w:t>
      </w:r>
      <w:r w:rsidRPr="005B592D">
        <w:rPr>
          <w:rFonts w:ascii="Courier New" w:hAnsi="Courier New" w:cs="Courier New"/>
        </w:rPr>
        <w:t>81829\listoverridecount0\ls56}{\listoverride\listid1433935604\listoverridecount0\ls57}{\listoverride\listid1076632949\listoverridecount0\ls58}{\listoverride\listid1179271336\listoverridecount0\ls59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997272364\listoverridecount0\ls60}{</w:t>
      </w:r>
      <w:r w:rsidRPr="005B592D">
        <w:rPr>
          <w:rFonts w:ascii="Courier New" w:hAnsi="Courier New" w:cs="Courier New"/>
        </w:rPr>
        <w:t>\listoverride\listid1914201166\listoverridecount0\ls61}{\listoverride\listid150605527\listoverridecount0\ls62}{\listoverride\listid508064738\listoverridecount0\ls63}{\listoverride\listid75058425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istoverridecount0\ls64}{\listoverride\listid596014069\lis</w:t>
      </w:r>
      <w:r w:rsidRPr="005B592D">
        <w:rPr>
          <w:rFonts w:ascii="Courier New" w:hAnsi="Courier New" w:cs="Courier New"/>
        </w:rPr>
        <w:t>toverridecount0\ls65}{\listoverride\listid551813894\listoverridecount0\ls66}{\listoverride\listid1127896304\listoverridecount0\ls67}{\listoverride\listid454906256\listoverridecount0\ls68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688723769\listoverridecount0\ls69}{\listoverri</w:t>
      </w:r>
      <w:r w:rsidRPr="005B592D">
        <w:rPr>
          <w:rFonts w:ascii="Courier New" w:hAnsi="Courier New" w:cs="Courier New"/>
        </w:rPr>
        <w:t>de\listid30694713\listoverridecount0\ls70}{\listoverride\listid2002348228\listoverridecount0\ls71}{\listoverride\listid808085229\listoverridecount0\ls72}{\listoverride\listid55955622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istoverridecount0\ls73}{\listoverride\listid633944535\listoverridecou</w:t>
      </w:r>
      <w:r w:rsidRPr="005B592D">
        <w:rPr>
          <w:rFonts w:ascii="Courier New" w:hAnsi="Courier New" w:cs="Courier New"/>
        </w:rPr>
        <w:t>nt0\ls74}{\listoverride\listid1597709641\listoverridecount0\ls75}{\listoverride\listid1650593867\listoverridecount0\ls76}{\listoverride\listid2135170436\listoverridecount0\ls77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1540165651\listoverridecount0\ls78}{\listoverride\listid</w:t>
      </w:r>
      <w:r w:rsidRPr="005B592D">
        <w:rPr>
          <w:rFonts w:ascii="Courier New" w:hAnsi="Courier New" w:cs="Courier New"/>
        </w:rPr>
        <w:t>536354406\listoverridecount0\ls79}{\listoverride\listid1542666335\listoverridecount0\ls80}{\listoverride\listid174392360\listoverridecount0\ls81}{\listoverride\listid37670446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istoverridecount0\ls82}{\listoverride\listid-120\listoverridecount0\ls83}{\li</w:t>
      </w:r>
      <w:r w:rsidRPr="005B592D">
        <w:rPr>
          <w:rFonts w:ascii="Courier New" w:hAnsi="Courier New" w:cs="Courier New"/>
        </w:rPr>
        <w:t>stoverride\listid1856458044\listoverridecount0\ls84}{\listoverride\listid557016153\listoverridecount0\ls85}{\listoverride\listid700984213\listoverridecount0\ls86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1329989675\listoverridecount0\ls87}{\listoverride\listid27875151\listov</w:t>
      </w:r>
      <w:r w:rsidRPr="005B592D">
        <w:rPr>
          <w:rFonts w:ascii="Courier New" w:hAnsi="Courier New" w:cs="Courier New"/>
        </w:rPr>
        <w:t>erridecount0\ls88}{\listoverride\listid2129352869\listoverridecount0\ls89}{\listoverride\listid1321617106\listoverridecount0\ls90}{\listoverride\listid159424397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listoverridecount0\ls91}{\listoverride\listid387921497\listoverridecount0\ls92}{\listoverrid</w:t>
      </w:r>
      <w:r w:rsidRPr="005B592D">
        <w:rPr>
          <w:rFonts w:ascii="Courier New" w:hAnsi="Courier New" w:cs="Courier New"/>
        </w:rPr>
        <w:t>e\listid1416971911\listoverridecount0\ls93}{\listoverride\listid797257764\listoverridecount0\ls94}{\listoverride\listid769352735\listoverridecount0\ls95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listoverride\listid1769420896\listoverridecount0\ls96}{\listoverride\listid1412699430\listoverridec</w:t>
      </w:r>
      <w:r w:rsidRPr="005B592D">
        <w:rPr>
          <w:rFonts w:ascii="Courier New" w:hAnsi="Courier New" w:cs="Courier New"/>
        </w:rPr>
        <w:t>ount0\ls97}{\listoverride\listid634874964\listoverridecount0\ls98}}{\*\pgptbl {\pgp\ipgp6\itap0\li0\ri0\sb0\sa0}{\pgp\ipgp8\itap0\li0\ri0\sb0\sa0}{\pgp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pgp8\itap0\li0\ri0\sb0\sa0}{\pgp\ipgp6\itap0\li0\ri0\sb0\sa0}{\pgp\ipgp6\itap0\li0\ri0\sb0\sa0}{\pgp\</w:t>
      </w:r>
      <w:r w:rsidRPr="005B592D">
        <w:rPr>
          <w:rFonts w:ascii="Courier New" w:hAnsi="Courier New" w:cs="Courier New"/>
        </w:rPr>
        <w:t>ipgp0\itap0\li0\ri0\sb0\sa0}{\pgp\ipgp6\itap0\li0\ri0\sb0\sa0}{\pgp\ipgp6\itap0\li0\ri0\sb0\sa0}{\pgp\ipgp0\itap0\li0\ri0\sb0\sa0}{\pgp\ipgp8\itap0\li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ri0\sb0\sa0}{\pgp\ipgp6\itap0\li0\ri0\sb0\sa0}{\pgp\ipgp0\itap0\li0\ri0\sb0\sa0}{\pgp\ipgp6\itap0\li0\</w:t>
      </w:r>
      <w:r w:rsidRPr="005B592D">
        <w:rPr>
          <w:rFonts w:ascii="Courier New" w:hAnsi="Courier New" w:cs="Courier New"/>
        </w:rPr>
        <w:t>ri0\sb0\sa0}{\pgp\ipgp6\itap0\li0\ri0\sb0\sa0}{\pgp\ipgp6\itap0\li0\ri0\sb0\sa0}{\pgp\ipgp9\itap0\li0\ri0\sb0\sa0}{\pgp\ipgp6\itap0\li0\ri0\sb0\sa0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pgp\ipgp6\itap0\li0\ri0\sb0\sa0}{\pgp\ipgp12\itap0\li0\ri0\sb0\sa0}{\pgp\ipgp0\itap0\li0\ri0\sb0\sa0}}{\</w:t>
      </w:r>
      <w:r w:rsidRPr="005B592D">
        <w:rPr>
          <w:rFonts w:ascii="Courier New" w:hAnsi="Courier New" w:cs="Courier New"/>
        </w:rPr>
        <w:t>*\rsidtbl \rsid68564\rsid146023\rsid263297\rsid345150\rsid401915\rsid415616\rsid672337\rsid852570\rsid867275\rsid1000558\rsid1128337\rsid140754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rsid1576991\rsid1588798\rsid1640534\rsid1802087\rsid2034585\rsid2120297\rsid2249546\rsid2508098\rsid2510371\r</w:t>
      </w:r>
      <w:r w:rsidRPr="005B592D">
        <w:rPr>
          <w:rFonts w:ascii="Courier New" w:hAnsi="Courier New" w:cs="Courier New"/>
        </w:rPr>
        <w:t>sid2576923\rsid2896758\rsid3027760\rsid3094789\rsid3359593\rsid3414628\rsid3689839\rsid3801544\rsid3831714\rsid3935553\rsid4002825\rsid41403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rsid4260086\rsid4791430\rsid5007928\rsid5048651\rsid5063909\rsid5122886\rsid5128356\rsid5193077\rsid5450614\rsi</w:t>
      </w:r>
      <w:r w:rsidRPr="005B592D">
        <w:rPr>
          <w:rFonts w:ascii="Courier New" w:hAnsi="Courier New" w:cs="Courier New"/>
        </w:rPr>
        <w:t>d5507359\rsid5530322\rsid5584078\rsid5845943\rsid6030664\rsid6106282\rsid6230263\rsid6313669\rsid6685418\rsid6714967\rsid6760437\rsid689214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rsid6970196\rsid7025531\rsid7102914\rsid7342754\rsid7412401\rsid7414163\rsid7427408\rsid7563742\rsid7873140\rsid7</w:t>
      </w:r>
      <w:r w:rsidRPr="005B592D">
        <w:rPr>
          <w:rFonts w:ascii="Courier New" w:hAnsi="Courier New" w:cs="Courier New"/>
        </w:rPr>
        <w:t>877267\rsid7935300\rsid8072750\rsid8138137\rsid8537080\rsid8549977\rsid8918560\rsid9006516\rsid9197798\rsid9394264\rsid9508573\rsid965597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rsid9730815\rsid9846757\rsid9991151\rsid10111543\rsid10230429\rsid10690712\rsid10751206\rsid11094648\rsid11153887\r</w:t>
      </w:r>
      <w:r w:rsidRPr="005B592D">
        <w:rPr>
          <w:rFonts w:ascii="Courier New" w:hAnsi="Courier New" w:cs="Courier New"/>
        </w:rPr>
        <w:t>sid11414791\rsid11425606\rsid11696425\rsid11734853\rsid11761923\rsid11955683\rsid12001338\rsid12334462\rsid12585739\rsid1271933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rsid12743700\rsid12804531\rsid13008040\rsid13245433\rsid13335204\rsid13570576\rsid13652535\rsid13697963\rsid13793174\rsid1383</w:t>
      </w:r>
      <w:r w:rsidRPr="005B592D">
        <w:rPr>
          <w:rFonts w:ascii="Courier New" w:hAnsi="Courier New" w:cs="Courier New"/>
        </w:rPr>
        <w:t>0469\rsid13897867\rsid13913821\rsid14508858\rsid14618531\rsid14884286\rsid14903272\rsid15295280\rsid15340130\rsid1536285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rsid15421380\rsid15757667\rsid15797449\rsid15883450\rsid16073724\rsid16334827\rsid16586881}{\*\generator Microsoft Word 10.0.5522;}{</w:t>
      </w:r>
      <w:r w:rsidRPr="005B592D">
        <w:rPr>
          <w:rFonts w:ascii="Courier New" w:hAnsi="Courier New" w:cs="Courier New"/>
        </w:rPr>
        <w:t>\info{\title  }{\author Authorised User}{\operator jcutter}{\creatim\yr2004\mo12\dy21\hr17\min4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revtim\yr2004\mo12\dy21\hr17\min4}{\printim\yr2004\mo12\dy20\hr16\min34}{\version2}{\edmins0}{\nofpages2}{\nofwords311}{\nofchars1775}{\*\company London Sto</w:t>
      </w:r>
      <w:r w:rsidRPr="005B592D">
        <w:rPr>
          <w:rFonts w:ascii="Courier New" w:hAnsi="Courier New" w:cs="Courier New"/>
        </w:rPr>
        <w:t>ck Exchange}{\nofcharsws2082}{\vern16495}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perw11907\paperh16840\margl1797\margr1797\margt1134\margb426 \widowctrl\ftnbj\aenddoc\noxlattoyen\expshrtn\noultrlspc\dntblnsbdb\nospaceforul\lytprtmet\hyphcaps0\formshade\horzdoc\dghspace180\dgvspace180\dghor</w:t>
      </w:r>
      <w:r w:rsidRPr="005B592D">
        <w:rPr>
          <w:rFonts w:ascii="Courier New" w:hAnsi="Courier New" w:cs="Courier New"/>
        </w:rPr>
        <w:t>igin1701\dgvorigin1984\dghshow0\dgvshow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jexpand\viewkind1\viewscale100\pgbrdrhead\pgbrdrfoot\bdrrlswsix\nolnhtadjtbl\rsidroot12743700 \fet0\sectd \psz9\sbkcol\linex0\footery1287\endnhere\sectdefaultcl\sectrsid8918560\sftnbj {\footer \pard\plain \s16\qc </w:t>
      </w:r>
      <w:r w:rsidRPr="005B592D">
        <w:rPr>
          <w:rFonts w:ascii="Courier New" w:hAnsi="Courier New" w:cs="Courier New"/>
        </w:rPr>
        <w:t>\li0\ri0\widctlpar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tqc\tx4153\tqr\tx8306\aspalpha\aspnum\faauto\adjustright\rin0\lin0\itap0 \f1\fs24\lang2057\langfe1033\cgrid\langnp2057\langfenp1033 {\b\insrsid7102914 Live }{\b\insrsid11414791 82}{\b\insrsid10111543 /04}{\b\insrsid7102914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{\fs</w:t>
      </w:r>
      <w:r w:rsidRPr="005B592D">
        <w:rPr>
          <w:rFonts w:ascii="Courier New" w:hAnsi="Courier New" w:cs="Courier New"/>
        </w:rPr>
        <w:t xml:space="preserve">18\cgrid0\insrsid7102914 Page }{\field{\*\fldinst {\fs18\cgrid0\insrsid7102914  PAGE }}{\fldrslt {\fs18\lang1024\langfe1024\cgrid0\noproof\insrsid1640534 1}}}{\fs18\cgrid0\insrsid7102914  of }{\field{\*\fldinst {\fs18\cgrid0\insrsid7102914  NUMPAGES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}}{\</w:t>
      </w:r>
      <w:r w:rsidRPr="005B592D">
        <w:rPr>
          <w:rFonts w:ascii="Courier New" w:hAnsi="Courier New" w:cs="Courier New"/>
        </w:rPr>
        <w:t xml:space="preserve">fldrslt {\fs18\lang1024\langfe1024\cgrid0\noproof\insrsid1640534 2}}}{\fs18\insrsid7102914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{\fs16\insrsid7102914 London Stock Exchange PLC. Registered in England &amp; Wales No 207572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}{\*\pnseclvl1\pnucrm\pnstart1\pnindent720\pnhang {\pntxta .</w:t>
      </w:r>
      <w:r w:rsidRPr="005B592D">
        <w:rPr>
          <w:rFonts w:ascii="Courier New" w:hAnsi="Courier New" w:cs="Courier New"/>
        </w:rPr>
        <w:t>}}{\*\pnseclvl2\pnucltr\pnstart1\pnindent720\pnhang {\pntxta .}}{\*\pnseclvl3\pndec\pnstart1\pnindent720\pnhang {\pntxta .}}{\*\pnseclvl4\pnlcltr\pnstart1\pnindent720\pnhang {\pntxta )}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{\*\pnseclvl5\pndec\pnstart1\pnindent720\pnhang {\pntxtb (}{\pntxta </w:t>
      </w:r>
      <w:r w:rsidRPr="005B592D">
        <w:rPr>
          <w:rFonts w:ascii="Courier New" w:hAnsi="Courier New" w:cs="Courier New"/>
        </w:rPr>
        <w:t>)}}{\*\pnseclvl6\pnlcltr\pnstart1\pnindent720\pnhang {\pntxtb (}{\pntxta )}}{\*\pnseclvl7\pnlcrm\pnstart1\pnindent720\pnhang {\pntxtb (}{\pntxta )}}{\*\pnseclvl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nlcltr\pnstart1\pnindent720\pnhang {\pntxtb (}{\pntxta )}}{\*\pnseclvl9\pnlcrm\pnstart1\pni</w:t>
      </w:r>
      <w:r w:rsidRPr="005B592D">
        <w:rPr>
          <w:rFonts w:ascii="Courier New" w:hAnsi="Courier New" w:cs="Courier New"/>
        </w:rPr>
        <w:t xml:space="preserve">ndent720\pnhang {\pntxtb (}{\pntxta )}}\pard\plain \s1\qj \li0\ri0\keepn\widctlpar\aspalpha\aspnum\faauto\outlinelevel0\adjustright\rin0\lin0\itap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b\f1\fs24\ul\lang2057\langfe1033\cgrid\langnp2057\langfenp1033 {\ulnone\insrsid741416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trowd \ir</w:t>
      </w:r>
      <w:r w:rsidRPr="005B592D">
        <w:rPr>
          <w:rFonts w:ascii="Courier New" w:hAnsi="Courier New" w:cs="Courier New"/>
        </w:rPr>
        <w:t>ow0\irowband0\lastrow \ts11\trgaph108\trleft-108\tpvpara\tphmrg\tposy470\tdfrmtxtLeft180\tdfrmtxtRight180\trftsWidth3\trwWidth9781\trftsWidthB3\trftsWidthA3\trpaddl108\trpaddr108\trpaddfl3\trpaddft3\trpaddfb3\trpaddfr3 \clvertalt\clbrdr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brdrtbl \clbrdrl</w:t>
      </w:r>
      <w:r w:rsidRPr="005B592D">
        <w:rPr>
          <w:rFonts w:ascii="Courier New" w:hAnsi="Courier New" w:cs="Courier New"/>
        </w:rPr>
        <w:t>\brdrtbl \clbrdrb\brdrtbl \clbrdrr\brdrtbl \cltxlrtb\clftsWidth3\clwWidth6663\clshdrawnil \cellx6555\clvertalt\clbrdrt\brdrtbl \clbrdrl\brdrtbl \clbrdrb\brdrtbl \clbrdrr\brdrtbl \cltxlrtb\clftsWidth3\clwWidth3118\clshdrawnil \cellx967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d\plain \ql \li</w:t>
      </w:r>
      <w:r w:rsidRPr="005B592D">
        <w:rPr>
          <w:rFonts w:ascii="Courier New" w:hAnsi="Courier New" w:cs="Courier New"/>
        </w:rPr>
        <w:t xml:space="preserve">0\ri0\widctlpar\intbl\tx6663\pvpara\phmrg\posy470\dxfrtext180\dfrmtxtx180\dfrmtxty0\aspalpha\aspnum\faauto\adjustright\rin0\lin0\pararsid7414163 \f1\fs24\lang2057\langfe1033\cgrid\langnp2057\langfenp1033 {\insrsid741416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\cell }\pard \ql \li0</w:t>
      </w:r>
      <w:r w:rsidRPr="005B592D">
        <w:rPr>
          <w:rFonts w:ascii="Courier New" w:hAnsi="Courier New" w:cs="Courier New"/>
        </w:rPr>
        <w:t xml:space="preserve">\ri0\sl-200\slmult0\widctlpar\intbl\tx6663\pvpara\phmrg\posy470\dxfrtext180\dfrmtxtx180\dfrmtxty0\aspalpha\aspnum\faauto\adjustright\rin0\lin0\pararsid7414163 {\fs20\insrsid741416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10 Paternoster Squar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{\fs20\insrsid7414163\charrsid4002825 L</w:t>
      </w:r>
      <w:r w:rsidRPr="005B592D">
        <w:rPr>
          <w:rFonts w:ascii="Courier New" w:hAnsi="Courier New" w:cs="Courier New"/>
        </w:rPr>
        <w:t>ondon EC4M 7LS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 \ql \li0\ri0\sa80\sl-200\slmult0\widctlpar\intbl\tx6663\pvpara\phmrg\posy470\dxfrtext180\dfrmtxtx180\dfrmtxty0\aspalpha\aspnum\faauto\adjustright\rin0\lin0\pararsid7414163 {\fs20\insrsid7414163\charrsid4002825 Telephone +44 (0)2</w:t>
      </w:r>
      <w:r w:rsidRPr="005B592D">
        <w:rPr>
          <w:rFonts w:ascii="Courier New" w:hAnsi="Courier New" w:cs="Courier New"/>
        </w:rPr>
        <w:t>0 7797 1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 \ql \li0\ri0\widctlpar\intbl\tx6663\pvpara\phmrg\posy470\dxfrtext180\dfrmtxtx180\dfrmtxty0\aspalpha\aspnum\faauto\adjustright\rin0\lin0\pararsid7414163 {\fs20\insrsid7414163\charrsid4002825 www.londonstockexchange.com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{\insr</w:t>
      </w:r>
      <w:r w:rsidRPr="005B592D">
        <w:rPr>
          <w:rFonts w:ascii="Courier New" w:hAnsi="Courier New" w:cs="Courier New"/>
        </w:rPr>
        <w:t xml:space="preserve">sid7414163 \cell }\pard \ql \li0\ri0\widctlpar\intbl\aspalpha\aspnum\faauto\adjustright\rin0\lin0 {\insrsid7414163 \trowd \irow0\irowband0\lastrow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left-108\tpvpara\tphmrg\tposy470\tdfrmtxtLeft180\tdfrmtxtRight180\trftsWidth3\trwWidth978</w:t>
      </w:r>
      <w:r w:rsidRPr="005B592D">
        <w:rPr>
          <w:rFonts w:ascii="Courier New" w:hAnsi="Courier New" w:cs="Courier New"/>
        </w:rPr>
        <w:t>1\trftsWidthB3\trftsWidthA3\trpaddl108\trpaddr108\trpaddfl3\trpaddft3\trpaddfb3\trpaddfr3 \clvertalt\clbrdrt\brdrtbl \clbrdrl\brdrtbl \clbrdr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brdrtbl \clbrdrr\brdrtbl \cltxlrtb\clftsWidth3\clwWidth6663\clshdrawnil \cellx6555\clvertalt\clbrdrt\brdrtbl \c</w:t>
      </w:r>
      <w:r w:rsidRPr="005B592D">
        <w:rPr>
          <w:rFonts w:ascii="Courier New" w:hAnsi="Courier New" w:cs="Courier New"/>
        </w:rPr>
        <w:t xml:space="preserve">lbrdrl\brdrtbl \clbrdrb\brdrtbl \clbrdrr\brdrtbl \cltxlrtb\clftsWidth3\clwWidth3118\clshdrawnil \cellx9673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j \li0\ri0\widctlpar\aspalpha\aspnum\faauto\adjustright\rin0\lin0\itap0\pararsid7414163 {\lang1024\langfe1024\noproof\langfenp2057\ins</w:t>
      </w:r>
      <w:r w:rsidRPr="005B592D">
        <w:rPr>
          <w:rFonts w:ascii="Courier New" w:hAnsi="Courier New" w:cs="Courier New"/>
        </w:rPr>
        <w:t xml:space="preserve">rsid1640534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shp{\*\shpinst\shpleft7101\shptop1264\shpright10501\shpbottom2044\shpfhdr0\shpbxpage\shpbxignore\shpbypage\shpbyignore\shpwr3\shpwrk0\shpfblwtxt0\shpz0\shplockanchor\shplid1026{\sp{\sn shapeType}{\sv 75}}{\sp{\sn fFlipH}{\sv 0}}{\sp{\sn fFl</w:t>
      </w:r>
      <w:r w:rsidRPr="005B592D">
        <w:rPr>
          <w:rFonts w:ascii="Courier New" w:hAnsi="Courier New" w:cs="Courier New"/>
        </w:rPr>
        <w:t>ipV}{\sv 0}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sp{\sn pib}{\sv {\pict\picscalex100\picscaley100\piccropl0\piccropr0\piccropt0\piccropb0\picw6003\pich1379\picwgoal3403\pichgoal782\pngblip\bliptag1511616063{\*\blipuid 5a196e3f245f5d006c33307c4c4acf0d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9504e470d0a1a0a0000000d494844520000</w:t>
      </w:r>
      <w:r w:rsidRPr="005B592D">
        <w:rPr>
          <w:rFonts w:ascii="Courier New" w:hAnsi="Courier New" w:cs="Courier New"/>
        </w:rPr>
        <w:t>02c5000000a30802000000ed9bf4210000000467414d410000d904dcb2da02000000097048597300002e2300002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30178a53f760000200049444154789cecdd7b3c54e9ff00f0c7b80c1bc6ad8b4b842e846c48e5962d97522245b5d696d5ee4bb6ab62b7b66fa9ad57af954bb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bb62d2597acada5b64516c9cb252942</w:t>
      </w:r>
      <w:r w:rsidRPr="005B592D">
        <w:rPr>
          <w:rFonts w:ascii="Courier New" w:hAnsi="Courier New" w:cs="Courier New"/>
        </w:rPr>
        <w:t>72bf66734b18c67dc6f9fdf1bc5ef3f31a8c3391d9a6cffbafe9cc739ef3394c671ecff99ccf2344100412502c16cbc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2223b3b5b5757f7d9b367542ab5b8b8d8c8c868606080bd253838d8dbdb1b2174f0e0c1a0a0207e870c0000007c9028fc0e603a080909e117140a85630b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264f84df014c87cecece3fff</w:t>
      </w:r>
      <w:r w:rsidRPr="005B592D">
        <w:rPr>
          <w:rFonts w:ascii="Courier New" w:hAnsi="Courier New" w:cs="Courier New"/>
        </w:rPr>
        <w:t>fc535252b2aaaa6a78781821d4d5d5959c9c2c2f2f5f5656c6efe8000000800fde47319e6868687075751db9a5bebededed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e5ff10000000002e6a3b8df0100000080f70ac61300000000982c184f0000000060b23ebaf184858585979797a8a828bf0301000000048780e7637254d7505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1898888505555353232faea</w:t>
      </w:r>
      <w:r w:rsidRPr="005B592D">
        <w:rPr>
          <w:rFonts w:ascii="Courier New" w:hAnsi="Courier New" w:cs="Courier New"/>
        </w:rPr>
        <w:t>abaff815150000002060047c7e82a3ce84bdbdbdaaaa2a42c8cdcd6dd9b2655c5a02000000803c411e4f080b0b7ff1c51723070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aeaeaf8858888c8fcf9f3d9db1514141c1c1ca63b3e000000405008d478822088c1c1c1915b76efde7de5ca15f63f656565d9afa9542a7ea1aeaefee0c1030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b8be90912000000103c</w:t>
      </w:r>
      <w:r w:rsidRPr="005B592D">
        <w:rPr>
          <w:rFonts w:ascii="Courier New" w:hAnsi="Courier New" w:cs="Courier New"/>
        </w:rPr>
        <w:t>02953f21242474e1c285bebe3e6f6f6f494949bcd1cece4e525292c1602084b2b2b29494947a7b7b858585cbcbcb71036b6b6b43434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e050d0000007cf8046a3c8110121313f3f5f58d8c8cfcfcf3cfe7cf9fdfd5d5555858d8dfdf8fdf0d0b0b0b0b0be3d80557e006000000c03b13b4f1048d464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85557579f3c7972</w:t>
      </w:r>
      <w:r w:rsidRPr="005B592D">
        <w:rPr>
          <w:rFonts w:ascii="Courier New" w:hAnsi="Courier New" w:cs="Courier New"/>
        </w:rPr>
        <w:t>cc066262624c2673e4184280575805000000a687608e27fcfdfd9b9b9b0b0a0a8c8d8dd5d4d428144a4b4b4b6161a18c8cccead5ab3d3c3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a7b7bf91d290000002038046d3cd1d0d080109292923a74e8d0980dd2d3d3fbfafaa6372800000040c04de578a2b5b5f5f2e5cbdedede52525253d82d794f9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c397efcb8a2</w:t>
      </w:r>
      <w:r w:rsidRPr="005B592D">
        <w:rPr>
          <w:rFonts w:ascii="Courier New" w:hAnsi="Courier New" w:cs="Courier New"/>
        </w:rPr>
        <w:t>a2a29595d5786df4f5f5972f5f9e9393c3de222626c6d1a6b6b6f6d6ad5b3d3d3d140a052144a1504445453d3c3c949494de53e41c0a0b0b2b2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bb76cd9323d8703000000264968aab207fafbfb9d9c9c1213131f3f7ebc62c58a29e99327743addccccacb8b8f8c68d1b3b77eef4f7f78f8d8d5dba74e9c58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7454545</w:t>
      </w:r>
      <w:r w:rsidRPr="005B592D">
        <w:rPr>
          <w:rFonts w:ascii="Courier New" w:hAnsi="Courier New" w:cs="Courier New"/>
        </w:rPr>
        <w:t>a3a2a2424242e4e4e4ae5dbb56575767616131343484773430307072721a1c1c24080217ab888e8eaeacac1cd9b99494546969a9b2b2f2f49ccbe5c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7bdbcbc4e9c38e1e7e7373d470400bc0f4d4d4d191919681215f3060707b5b5b50d0c0ca6342e00de03628a040707e30e3d3c3ca6aa4f9edcbc7913212423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3dc</w:t>
      </w:r>
      <w:r w:rsidRPr="005B592D">
        <w:rPr>
          <w:rFonts w:ascii="Courier New" w:hAnsi="Courier New" w:cs="Courier New"/>
        </w:rPr>
        <w:t>dc4c10c4ddbb771142dadadafdfdfd0441e02f662b2b2bdc78fbf6eddc7f2c274e9ce8efefefebebebecec54555535363666b158d3762e6e6e6e0821212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1070f1e4cdb41010053eee79f7f9efc55facc9933fc3e0f00263635f5ac6a6a6a7efae927fcfa8f3ffe28282898926e795255558510eaecec8c89894108393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8f8fafad2e9749c7ad9dede8e103a75ea1442e8e1c387494949ec1d376cd8f0ebafbfa6a5a5656666666464a4a7a7979494f8f9f951a9547171f1d0d0d057a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eb9b9b9e17b1fd3e0f9f3e7717171082182208e1c39d2dddd3d3dc705004cb9d4d4d4c977020572c007616aee77f8f8f8040404ecdab58b2088d0d0507373</w:t>
      </w:r>
      <w:r w:rsidRPr="005B592D">
        <w:rPr>
          <w:rFonts w:ascii="Courier New" w:hAnsi="Courier New" w:cs="Courier New"/>
        </w:rPr>
        <w:t>f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bf7efe3472dc6333434545d5d5d5c5cdcdada2a2a2a3a7bf66c1d1d1d4d4dcd7738faf0f0f0d9b3678f1d3b366bd6ac9e9e1e2693999494b46ad5aa9e9e9e3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bd6b4b4b4484b4b9797977b7a7a9e3f7fbebebe7ef5ead535353578dfeddbb7dfba750b21545a5adad6d6c6eeb0bdbdbda6a6e6ce9d3b3939392e2e2e</w:t>
      </w:r>
      <w:r w:rsidRPr="005B592D">
        <w:rPr>
          <w:rFonts w:ascii="Courier New" w:hAnsi="Courier New" w:cs="Courier New"/>
        </w:rPr>
        <w:t>51515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2223ce79ab4b4b4949797e3018d8282c2c2850ba5a5a5b9ef42a7d3d7af5f9f9595e5eded1d1f1f5f5e5e7ee1c2857dfbf6f17ae88f597979796b6babb0b0f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41c6b7878585a5a5a4f4f0fd67f01a33534342c59b2a4b3b373329dcc9c39f3e5cb973367ce9caaa800785f263fc5f1e6cd1b2525255151d18a8a</w:t>
      </w:r>
      <w:r w:rsidRPr="005B592D">
        <w:rPr>
          <w:rFonts w:ascii="Courier New" w:hAnsi="Courier New" w:cs="Courier New"/>
        </w:rPr>
        <w:t>8a8686066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d6d84d0dab56bdfbc793366fbbebebe2b57aee8ebeb732c1a2e2e2ebe71e3c69c9c1c9e8e5e57578797de58bb766d4747c7f7df7f8f10f2f7f7c7ef262424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ecdcdcd3b3a3a0882888e8e1e79d03b77ee10043172ba62246363e3888888bebe3e9e426232990909098e8e8e341a8dfd3543a15014151577</w:t>
      </w:r>
      <w:r w:rsidRPr="005B592D">
        <w:rPr>
          <w:rFonts w:ascii="Courier New" w:hAnsi="Courier New" w:cs="Courier New"/>
        </w:rPr>
        <w:t>eedc999191313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c3ce68e55555536363608215353538220eeddbb8710323030181a1ae229808fd9c0c0c0a79f7e8a10129e1608a12fbffc92df270dfea3eaeaea02020202030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3c6121c1c7cfefc793d3d3dee97681b1b1b7e9f0700a44cc178e2e2c58b08214b4b4bfc35595151a1a2a282105ab4685176763647e3b6</w:t>
      </w:r>
      <w:r w:rsidRPr="005B592D">
        <w:rPr>
          <w:rFonts w:ascii="Courier New" w:hAnsi="Courier New" w:cs="Courier New"/>
        </w:rPr>
        <w:t>b6b6cf3efb8ccb7f1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111916bd7ae913c747d7d3d1eb6efddbb176fc1dfc77979790441f4f6f6b2582c3b3b3b84507e7e3e0eafa9a969ce9c39ecc35dbd7a9520083a9d1e1a1a7ae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cb94b972e858787474747efdab50b21646262c2643279fa690c0e0e6edbb68dfb05c2dddd7d7436467878389ed19192927afefc39</w:t>
      </w:r>
      <w:r w:rsidRPr="005B592D">
        <w:rPr>
          <w:rFonts w:ascii="Courier New" w:hAnsi="Courier New" w:cs="Courier New"/>
        </w:rPr>
        <w:t>41100c064343430321545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ccc530c1fb3e2e262f6ca2cd3e3975f7ee1f749830fd5c0c0c092254bb87fc0befbee3b7e8709002953309ef0f0f040087dfbedb7ec2dc9c9c98a8a8a08212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9294747c7cb972f3f7bf6acadadede5cb976bd6ac99f0024da552030202481e7dfdfaf508a1a4a4248220e2e3e311420e0e0e</w:t>
      </w:r>
      <w:r w:rsidRPr="005B592D">
        <w:rPr>
          <w:rFonts w:ascii="Courier New" w:hAnsi="Courier New" w:cs="Courier New"/>
        </w:rPr>
        <w:t>f8adf0f0703d3d3d3c7a30343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4d7d7afaeae2608c2d7d7977d2c7d7dfd929292317bf6f6f64608f9f9f9f1f4d3d8bb772f992f214f4f4f3a9dce60302a2b2b636262366fde8cefa7c8c8c8c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4c4b07bdbbc793342e8f6eddb3cc5f031bb7af52a999fff54111616cecccce4f749830f555555d5279f7cc2fd33161515</w:t>
      </w:r>
      <w:r w:rsidRPr="005B592D">
        <w:rPr>
          <w:rFonts w:ascii="Courier New" w:hAnsi="Courier New" w:cs="Courier New"/>
        </w:rPr>
        <w:t>c5ef300120650aea4f3435352184f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c0466656595939373ead4a9a8a8a8bb77efe2472d24252587868606060626ec706060e0f0e1c373e6cc7175759db0b1afaf6f7c7cfc9d3b776c6c6c5a5a5a1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21d1d1d4c26534444444c4cecc58b17b8595e5e1e954ac50b79bc79f386bd7b6161a18e8e8eaeaeee82050b28144a</w:t>
      </w:r>
      <w:r w:rsidRPr="005B592D">
        <w:rPr>
          <w:rFonts w:ascii="Courier New" w:hAnsi="Courier New" w:cs="Courier New"/>
        </w:rPr>
        <w:t>5757d7f0f0f0f1e3c7cdcdcdb76fdf1e1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494959545fe4771f1e24592e9dc57ae5cb977ef1e93c96c6b6b23080221242d2dbd75ebd6fdfbf7ebe8e8b09b2d5cb81021d4d8d8483e868f9c828282a7a7a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484c498ef8a8888b4b6b6464646b258ac09bba250281b376e9c356bd6788d592c168d465bba74e9a422061fb1</w:t>
      </w:r>
      <w:r w:rsidRPr="005B592D">
        <w:rPr>
          <w:rFonts w:ascii="Courier New" w:hAnsi="Courier New" w:cs="Courier New"/>
        </w:rPr>
        <w:t>dcdc5ceeb57a2524248c8d8da72d1e002683e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882c1603c7bf6ccd2d272f45bf8eb90231f4d5555f5dab56b478e1cc9cccc7cfefc7975757572723299c104db8913276c6d6d151414b837333535353232ba7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bf6993367dcddddd3d2d22222226edebce9e1e161666676fefcf9868606168b3563c60c2d2dadc58b17a7</w:t>
      </w:r>
      <w:r w:rsidRPr="005B592D">
        <w:rPr>
          <w:rFonts w:ascii="Courier New" w:hAnsi="Courier New" w:cs="Courier New"/>
        </w:rPr>
        <w:t>a7a7878585494848383b3b53a9d4e1e161168b353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888ef6bc8c8c810048127ccf1b0837b56e948555555a74f9f26d9982088a6a6267979f9152b56a8a8a8989999393838a8a9a97134c3b5b6d8a532383c79f24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75777c68c19240ffa31707474747474e4d2e0b7df7ec38f164f484e4eeeead5ab137e020178674f9f</w:t>
      </w:r>
      <w:r w:rsidRPr="005B592D">
        <w:rPr>
          <w:rFonts w:ascii="Courier New" w:hAnsi="Courier New" w:cs="Courier New"/>
        </w:rPr>
        <w:t>3ee5de405b5b7bf4650180ff2892f318743a5d4545c5c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707d77d1ac9dddd1d21b46fdf3e2ebb474444bc436ca1a1a164620b0a0a62372e2e2e161717d7d4d47cfbf6ede8964c2613676f9c3a758a7b9f3d3d3db6b6b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41a0da73290f1c30f3ff07a821a1a1a6565655cfa3c70e00042e8faf5eba3dff2f7f79f376f5e</w:t>
      </w:r>
      <w:r w:rsidRPr="005B592D">
        <w:rPr>
          <w:rFonts w:ascii="Courier New" w:hAnsi="Courier New" w:cs="Courier New"/>
        </w:rPr>
        <w:t>676727c9f000e6e2e242f2b7c34e0902e07d60b158a6a6a6d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f84bb77efe67798009045763cc16030e6ce9d8b10b2b1b1e17870e3c2850bdc2fbe5d5d5d78de9e57dbb66d23135b6d6dad9090909d9d1dfee79e3d7b10424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e4e274f9e7cfaf429ded8d2d272f6ec595cc66afdfaf513f689c728e433a1c8e4558dc9d6</w:t>
      </w:r>
      <w:r w:rsidRPr="005B592D">
        <w:rPr>
          <w:rFonts w:ascii="Courier New" w:hAnsi="Courier New" w:cs="Courier New"/>
        </w:rPr>
        <w:t>d6964bb7b87038c71dfad7af5f3b39392184d4d5d57b7a7a48460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882e8ebeb5bb46811c95f0df721320093d4d4d434e1f467626222bfc304802cb2e309f6637808216d6ded8080808a8a0a7c8f004f09484a4ad6d6d68eb96f6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8e83b7cd12284162e5cd8dbdb4b263c6b6b6b7171f157af5e110431b2808c8181014e</w:t>
      </w:r>
      <w:r w:rsidRPr="005B592D">
        <w:rPr>
          <w:rFonts w:ascii="Courier New" w:hAnsi="Courier New" w:cs="Courier New"/>
        </w:rPr>
        <w:t>a758b76e1d7b2399698feaea6a292929535353927fa1666767bf5bc10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a8592969636669ff5f5f5d2d2d2b2b2b2adadad784b6767e78d1b37d88333030383d1d345808b9a9a9a09d3dfd8626363f91d2f10640f1f3ee45eb6445353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e60001f10b2f9136262626a6a6a050505aaaaaab5b5b5870f1f3e7af4a8969696</w:t>
      </w:r>
      <w:r w:rsidRPr="005B592D">
        <w:rPr>
          <w:rFonts w:ascii="Courier New" w:hAnsi="Courier New" w:cs="Courier New"/>
        </w:rPr>
        <w:t>828242555515ce738c8c8c3c76ec18c78e3d3d3d3845515454545b5b5b434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34aa5d2e9f4a2a2a2a6a626826b35ad7ffffdb7b1b1914c912b5757d7e4e4e4dbb76f7b7b7b1b1a1a464747f7f5f5bd78f1223838d8cbcb4b5959393131d1c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acac1c161686888cc33261a1a1a4e4e4e376fde2c2929199920399eb8b8b8</w:t>
      </w:r>
      <w:r w:rsidRPr="005B592D">
        <w:rPr>
          <w:rFonts w:ascii="Courier New" w:hAnsi="Courier New" w:cs="Courier New"/>
        </w:rPr>
        <w:t>0953fc848484545454545555e5e4e44445458b8a8aaaaaaa868787838383c74c4c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397dfa74575797b0b0b0939393b2b2329d4ecfcfcf6f6d6d151313535050686b6b535656e6a8e101b82b282820b954bdbaba3a7ef61880f724373797fb0570d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b265e487bf00f01ff9a1c7fffef73f84909797576a6aaa8b8b8bbcbc3c</w:t>
      </w:r>
      <w:r w:rsidRPr="00040D48">
        <w:rPr>
          <w:rFonts w:ascii="Courier New" w:hAnsi="Courier New" w:cs="Courier New"/>
          <w:lang w:val="pt-BR"/>
        </w:rPr>
        <w:t>bb131a8db673e7cecacacad17b5dba7409b7898e8e1eb99d4ea7a7a5a5edd8b163f4f2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9e23a5a6a69289adadad4d5151515656363d3d9dc5621516163e7af4881891d3e0ececdcdede3ee6be4c26332424a4a0a08063fbf1e3c71142e1e1e16402e07e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575e444464ebd6ada9a9a90c06833de1313030b07bf76e84108542</w:t>
      </w:r>
      <w:r w:rsidRPr="00040D48">
        <w:rPr>
          <w:rFonts w:ascii="Courier New" w:hAnsi="Courier New" w:cs="Courier New"/>
          <w:lang w:val="pt-BR"/>
        </w:rPr>
        <w:t>c9c8c818dde7a3478facacac468e1828148a8585454242023edcd1a347c9c406d8f067988c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d9b36f13b5820e0f0d3e05c040707f33b460078c0c3782225250521c4ce016c6f6fcfcece4e4c4cccc8c8c0330da3e5e5e5e11b845c6a08a6a4a47059b713d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af24e3d0a14378177575757979792525257caf64d3a64d3636</w:t>
      </w:r>
      <w:r w:rsidRPr="00040D48">
        <w:rPr>
          <w:rFonts w:ascii="Courier New" w:hAnsi="Courier New" w:cs="Courier New"/>
          <w:lang w:val="pt-BR"/>
        </w:rPr>
        <w:t>367855b0d1b2b3b34d4c4c1042cecece1c6fe14a12595959648e6e6d6d3dde29e8ebeb8fb7ac5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747075e8b955d3383038bc52a2b2b8b8b8bfbfdf7dfe3e2e270a98cfcfc7c7c6f05eeadf2cadede9ee478e2c71f7fe477b04090757777abaaaa72f9040a0b0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93bcf800f01fc1c378a2b7b7574b4b0b2144be7e25fe33</w:t>
      </w:r>
      <w:r w:rsidRPr="00040D48">
        <w:rPr>
          <w:rFonts w:ascii="Courier New" w:hAnsi="Courier New" w:cs="Courier New"/>
          <w:lang w:val="pt-BR"/>
        </w:rPr>
        <w:t>9a46a3959797736996969636de2c05bbb8137eb0934b27743a3d25252530305057571721a4a5a585e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4b7b7b7e31a0f1c4a4a4a9c9d9d29148a8484042e9e111111c17ef7eddbb74a4a4adadada030303139e2693c9c48392d156ae5cc9fd118cc78f1fe395c61212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2263c1086134ee7cf9fdfdddd4d721740100483c1</w:t>
      </w:r>
      <w:r w:rsidRPr="00040D48">
        <w:rPr>
          <w:rFonts w:ascii="Courier New" w:hAnsi="Courier New" w:cs="Courier New"/>
          <w:lang w:val="pt-BR"/>
        </w:rPr>
        <w:t>98376f1ec9f1445c5c1cbfe305822c373797fb924073e6cc81a7b7c08785b7fa98383dc2c0c0809d21c845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7c7c3cfea624f394045ef973b4d8d8d8c6c6c6d3a74faf5dbbd6c4c4c4c9c929282808afc4319efefefee5cb976b6a6ab2e724868686eeddbb1713131313131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21272f0e0411b1b1bbc3497bdbd7d51515171</w:t>
      </w:r>
      <w:r w:rsidRPr="00040D48">
        <w:rPr>
          <w:rFonts w:ascii="Courier New" w:hAnsi="Courier New" w:cs="Courier New"/>
          <w:lang w:val="pt-BR"/>
        </w:rPr>
        <w:t>71b1acacacaaaa6a4d4d0dde059759f4f4f41cdd7f6b6b6b6060a0b3b3b39d9d9dbbbb7b74743483c158b56ad5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8e0252424c6bc91c10197ed32333323937b555656864b8cfbf8f84cd8188c545a5a2a2e2e4e6630212e2e5e5a5acaef7881209b304bddcaca8adf3102c01bde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c6132d2d2df8e1027373f3f1d211b0c2c2</w:t>
      </w:r>
      <w:r w:rsidRPr="00040D48">
        <w:rPr>
          <w:rFonts w:ascii="Courier New" w:hAnsi="Courier New" w:cs="Courier New"/>
          <w:lang w:val="pt-BR"/>
        </w:rPr>
        <w:t>42fc47bfb9b93983c120d3f9e83244c2c2c2f6f6f6b366cde2d8be72e5cae6e6662e5d595858e8e9e9b197dec8c8c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873b5710a85f2cf3fffe036c9c9c9542a75c9922585858504413437372f5dba9442a14446468eecb9baba5a5f5f9fa31f4b4bcbd11b1142070e1c2073e20d0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d0b162c4008d9dbdb3736367269d9</w:t>
      </w:r>
      <w:r w:rsidRPr="00040D48">
        <w:rPr>
          <w:rFonts w:ascii="Courier New" w:hAnsi="Courier New" w:cs="Courier New"/>
          <w:lang w:val="pt-BR"/>
        </w:rPr>
        <w:t>d3d3836faca8a9a935343490e91cb045454571bf82b3b127b700784fbef9e61bee1fc223478ef03b460078c3f3fa1d898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9b87ca4a5a5657d7dfd986dfefefb6f25252584d0ba75ebb80c3bbabbbb0b0a0a52525270cda898981892977b84909b9bdb987d767676868484d0683413131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76e6a38f8fcf78fde8eaeae269</w:t>
      </w:r>
      <w:r w:rsidRPr="00040D48">
        <w:rPr>
          <w:rFonts w:ascii="Courier New" w:hAnsi="Courier New" w:cs="Courier New"/>
          <w:lang w:val="pt-BR"/>
        </w:rPr>
        <w:t>8cbcbc3c3c19aea7a787b78487872384b66eddcaee7cbc798831898989e5e7e7f7f7f7e7e6e66664645454547059263423234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6460621a4a3a383b3be477bfbf62d1e72cd9e3d1b679b029e70f91870707575e577b040900d0e0e4e58a6fdeeddbbfc0e1300debccb7a6011111138cb52595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392020a0aaaa0a27197474</w:t>
      </w:r>
      <w:r w:rsidRPr="00040D48">
        <w:rPr>
          <w:rFonts w:ascii="Courier New" w:hAnsi="Courier New" w:cs="Courier New"/>
          <w:lang w:val="pt-BR"/>
        </w:rPr>
        <w:t>74fcf5d75fcececef8bea0bdbd3d9d4e1fb387f2f2f21d3b76e055ce858484444444162c58b079f366f22b4352a95476ad2ab6fefe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7e0b0b0b84d0dcb973d915307b7b7bc72c61242f2fbf61c3065f5f5f9c96616b6b8b10727070f0f3f3c30311fc2cc0b973e7d8fdb3533ec9909393dbb3678f8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a0a8542a15028542a</w:t>
      </w:r>
      <w:r w:rsidRPr="00040D48">
        <w:rPr>
          <w:rFonts w:ascii="Courier New" w:hAnsi="Courier New" w:cs="Courier New"/>
          <w:lang w:val="pt-BR"/>
        </w:rPr>
        <w:t>75d9b265616161e32d589a9494844b3b4b4a4a1e3870e0c58b17ec96757575414141f82c141414d2d3d3dfe1b706b8e4cc7218f94b0760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ca6566668e3963ca262d2dfdfaf56b7e8709006fde717dd1acac2cf64319a2a2a25a5a5aab57afc6f7f5b10d1b368c3798686a6a7ab752921c020303397a8e8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b43089999998d</w:t>
      </w:r>
      <w:r w:rsidRPr="00040D48">
        <w:rPr>
          <w:rFonts w:ascii="Courier New" w:hAnsi="Courier New" w:cs="Courier New"/>
          <w:lang w:val="pt-BR"/>
        </w:rPr>
        <w:t>7c9ae3f1e3c763569a3a71e204bb4d7777378d46dbb265cbc8deacadad656464d8b99c7d7d7d8b172f9e7cd87bf7ee1def61939c9c1c6d6d6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c4c4444c4c0c0e0ebafbf767070909494c41b69345a7c7c3cefbf2e4030180ceee9f423ddbf7f9fdff10241367289e33141a93af021faff04e3aeae2e26932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72747e682</w:t>
      </w:r>
      <w:r w:rsidRPr="00040D48">
        <w:rPr>
          <w:rFonts w:ascii="Courier New" w:hAnsi="Courier New" w:cs="Courier New"/>
          <w:lang w:val="pt-BR"/>
        </w:rPr>
        <w:t>6b6262f2e4c993b367cfdeba75aba3a3a3acacacacac0c21242323636464e4eeeeeee2e2325ef6f2fefdfb8b8a8a485ed9b9282e2ee6d8d2d9d98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0323434a452a92f5fbeacadad5553538b8d8d1db3d2d4f5ebd7ebff8fbd330f6be2ea1af804c2269000caa2ac0a82165111cbe682a0b20b6aa50f2e1505b50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5a50eb</w:t>
      </w:r>
      <w:r w:rsidRPr="00040D48">
        <w:rPr>
          <w:rFonts w:ascii="Courier New" w:hAnsi="Courier New" w:cs="Courier New"/>
          <w:lang w:val="pt-BR"/>
        </w:rPr>
        <w:t>ab2255905a510ba2d04770016a2d14282ab52ef8c8226b640741c0800a020171810091acf3fd717dc7f9b24c4282eb9bdf5f90b9f7ce993b3377ce3df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c733a3ad6ad5bd7d5d5555c5c3c383888fede0c0e0e969797af59b30609b3d1ddddfdf4e953c9c506d1bdce9c39c37bc8c6c6a6b4b4342121212525e5c9932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35</w:t>
      </w:r>
      <w:r w:rsidRPr="00040D48">
        <w:rPr>
          <w:rFonts w:ascii="Courier New" w:hAnsi="Courier New" w:cs="Courier New"/>
          <w:lang w:val="pt-BR"/>
        </w:rPr>
        <w:t>3535353535e01091485cb162457878b8e8e1a2a954ea840913b07dc8ff772093c9bdbdbda2949c306102d8222445ca7b0279af05317ffe7c69a83a299f1de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3e364545459a9a9a36363642ebf4f6f65228144b4bcb84848443870e353636be78f10282a0499326cd9a358bd77d124d5959597676b6e4720331d0ff32994ca0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f9048241717973b77ee401084c3e16018969595b5b0b03034342491487d7d7d0402c1cbcb6b7474342b2b2b3535554646864020100884f8f8f8a1a1213939b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70f1f0e0e0e0e0f0fabaaaa22ed777474bc79f3665c244f4949d9be7d3b628a40a3aeaefed34f3feddebdbba6a6a6bdbdfdd5ab5772727253a74eb5b1b1</w:t>
      </w:r>
      <w:r w:rsidRPr="00040D48">
        <w:rPr>
          <w:rFonts w:ascii="Courier New" w:hAnsi="Courier New" w:cs="Courier New"/>
          <w:lang w:val="pt-BR"/>
        </w:rPr>
        <w:t>01e6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f0a85a2a1a121cac2504141818585c5b469d3c645e6cf9dbaba3a0683214a493333338c802852a448487f7f7f5d5d1d761951c66129523e35dee913c5c5c55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7ffdb528cf716e6e2ef22dd4d2d272727212fd7c05050542e3528b088c0a55dbd7d7e7e5e555515181c3e1eedfbf0f41d0a64d9b76eddad5d4d41416</w:t>
      </w:r>
      <w:r w:rsidRPr="00040D48">
        <w:rPr>
          <w:rFonts w:ascii="Courier New" w:hAnsi="Courier New" w:cs="Courier New"/>
          <w:lang w:val="pt-BR"/>
        </w:rPr>
        <w:t>1646a150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2e3e3172e5cd8dadaba6ad5aad6d6564747477f7fffb2b2321717170281909797a7a7a7b779f3e6f3e7cfabaaaa2e5ab4484141415757373e3e9e4c265fba74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953531378538e8be4c3c3c3c5c5c57cf50980b2b2f2a2458b162d5ac47ba8b2b2d2d4d4140402c1a6b9b9994aa54af50980d01921c2bc79f3a4</w:t>
      </w:r>
      <w:r w:rsidRPr="00040D48">
        <w:rPr>
          <w:rFonts w:ascii="Courier New" w:hAnsi="Courier New" w:cs="Courier New"/>
          <w:lang w:val="pt-BR"/>
        </w:rPr>
        <w:t>534329ef8fd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a5a30011384828282b5b5f50793478a94f1e29d4f506565657777b7d00a743a3d3737d7d0d050bcf3bd7af54abc8a1004e9e9e9b9baba3a3838007f02b425f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2a54b1515158181812412293e3e9e4824161717f7f7f7af5dbb363f3fdfc4c4c4c5c5253333d3ccccecdab56bbababa010101f9f9f9f6f6</w:t>
      </w:r>
      <w:r w:rsidRPr="00040D48">
        <w:rPr>
          <w:rFonts w:ascii="Courier New" w:hAnsi="Courier New" w:cs="Courier New"/>
          <w:lang w:val="pt-BR"/>
        </w:rPr>
        <w:t>f67171713d3d3d7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7ee555151494a4a323333a3d3e9478e1cb97dfb765353939f9fdfeddbb78f1f3f0e411012714b4d4dcdd6d6d6caca0a716b10030a85225e450e8773fdfa7551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ab6b6b6d6d7d78b77962f0c0e872374468820d4f15eca8784c5620d0f0f0f0c0cd068340e87f3b1c519072a2b2bb10b181b1b9b9898</w:t>
      </w:r>
      <w:r w:rsidRPr="00040D48">
        <w:rPr>
          <w:rFonts w:ascii="Courier New" w:hAnsi="Courier New" w:cs="Courier New"/>
          <w:lang w:val="pt-BR"/>
        </w:rPr>
        <w:t>7c1861be60e8743a954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a552a9221a26a548cedb4f329d4e6f6b6b6b6b6b135aa1a5a5a5adad0dbd103026d4d5d5c5abe8e3e393989808dc3b0a0a0a7c7c7c94949490a35d5d5d100405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606ce9933c7dadadad8d878d5aa559e9e9e797979f6f6f6a9a9a92e2e2e1b376ed4d5d55db06041525292bbbb7b585858414141</w:t>
      </w:r>
      <w:r w:rsidRPr="00040D48">
        <w:rPr>
          <w:rFonts w:ascii="Courier New" w:hAnsi="Courier New" w:cs="Courier New"/>
          <w:lang w:val="pt-BR"/>
        </w:rPr>
        <w:t>4040c0ad5bb7b2b3b3d3d3d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7ae5d1b1616e6e7e71713139396964624128f1f3f9e969606a6b69a9a9a381c6eeedcb9c9c9c920d56a6363e3faf5ebc5f30541673f1913eaeaea797979bb7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f169acef4e9d3a7743a5dbcb37c6150a954e0df23141c0e372e5eb71f0b168bc56030984c260441783c5e5e5efe73b4b5f4</w:t>
      </w:r>
      <w:r w:rsidRPr="00040D48">
        <w:rPr>
          <w:rFonts w:ascii="Courier New" w:hAnsi="Courier New" w:cs="Courier New"/>
          <w:lang w:val="pt-BR"/>
        </w:rPr>
        <w:t>f7f7d7d4d490c9e4fafafafafaf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7cf9e8d8c8c4c9c38d1d0d0d0dadadad2d2d2c6c6c6d0d050bc8cbee3c5c0c0406b6b6b5757577f7f3f8d46c3e1708a8a8aaaaaaadadadad3a64dd3d7d71714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3f7c18307d82d5b58588818784d72464747bbbabadadbdbfbfafa060707994ca68a8a8a868686818101485c80bd0fe5</w:t>
      </w:r>
      <w:r w:rsidRPr="00040D48">
        <w:rPr>
          <w:rFonts w:ascii="Courier New" w:hAnsi="Courier New" w:cs="Courier New"/>
          <w:lang w:val="pt-BR"/>
        </w:rPr>
        <w:t>9382cd667777775757573f78f0a0aaa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aabdbdfdf9f3e71c0e47575777c68c199696963367ceb4b7b7c75e91972211c02d737070904020181a1a0a0de11c1515656e6e8e114a011b900464accc9e3d9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aa5a2dba9acac3c7ffe3cf2ef8913272008dab76f1fb2c712ecf5d0d6d6cec8c8e8ebeb0b0c0c842048434363db</w:t>
      </w:r>
      <w:r w:rsidRPr="00040D48">
        <w:rPr>
          <w:rFonts w:ascii="Courier New" w:hAnsi="Courier New" w:cs="Courier New"/>
          <w:lang w:val="pt-BR"/>
        </w:rPr>
        <w:t>b66d478f1e05eb050e0e0e191919478f1ec5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170dadada601f2648db71e6cc191886c964320441eeeeee300cf7f5f51d3e7c986bd34a5d5d9d180900f1783c894412af031f3e7ca8acac2c282108028d46d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1d159be7cb97867f9c2b87fffbe887ea96a6a6a8292d17cb2f4f4f4646666fee73fff59b972a5b5b5b59191</w:t>
      </w:r>
      <w:r w:rsidRPr="00040D48">
        <w:rPr>
          <w:rFonts w:ascii="Courier New" w:hAnsi="Courier New" w:cs="Courier New"/>
          <w:lang w:val="pt-BR"/>
        </w:rPr>
        <w:t>91bababa9a9a9abebefeecd9b3bdbcbc0e1e3c9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9393831d2aed538042a1a4a6a67a797909f50a575050b0b5b54d4f4f17b4fbfa3dc166b31b1a1ae2e2e23c3c3cb4b4b4047d6b151515cdcccc7c7d7d535353b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2f9d2683410bc0e830fb05db9b9b9393636d6dbdb7bead4a98a8a8abc69d36565658944e282050b8e1c</w:t>
      </w:r>
      <w:r w:rsidRPr="00040D48">
        <w:rPr>
          <w:rFonts w:ascii="Courier New" w:hAnsi="Courier New" w:cs="Courier New"/>
          <w:lang w:val="pt-BR"/>
        </w:rPr>
        <w:t>39f2e0c183f72d8f843434341c3870c0caca4a59591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bb6f274e9cb875ebd6c6c6c68f2df297090e86610882babbbb4d4d4d69345a7e7ebea3a3a3a09b01c3b0adad2d8bc5aaacac144f6f65b3d94b962c292929195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d5f5fdff4f4742e496018466478fdfaf58a152b4a4b4b4d4d4d172c5800b281dfbf7f1f86615959</w:t>
      </w:r>
      <w:r w:rsidRPr="00040D48">
        <w:rPr>
          <w:rFonts w:ascii="Courier New" w:hAnsi="Courier New" w:cs="Courier New"/>
          <w:lang w:val="pt-BR"/>
        </w:rPr>
        <w:t>597979793a9d2ed458aaa0a0606262323838d8d5d585c7e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decec3a3a3a3a3b3b2f5ebce8efef0f411087c3e1ba6a2693696b6b2bfada3cc0cdcdede6cd9b63aa82f0ecd9330303036f6fef6bd7ae6114abaeae9e3f7f3e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830f271a7719f028989892095ab50eceded8b8a8a3e8b1eebe8e8c8cccccccbcb2391488383</w:t>
      </w:r>
      <w:r w:rsidRPr="00040D48">
        <w:rPr>
          <w:rFonts w:ascii="Courier New" w:hAnsi="Courier New" w:cs="Courier New"/>
          <w:lang w:val="pt-BR"/>
        </w:rPr>
        <w:t>8342cbaba9a9b9bbbb070606f2f5cb110a9bcd3e7af4687b7bb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8060f1a8de6e1e101a2cb734126934f9d3a959e9e0e5caa4567e5ca95e7cf9f07815bde2b0c06e3ead5ab8989892525252c164bf48a464646070e1cd8b2650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83a6a6b6b6d6c6c8001892f381caeb0b010c4d119777a7a7ab2b2b2ae5fbf5e525222ba</w:t>
      </w:r>
      <w:r w:rsidRPr="00040D48">
        <w:rPr>
          <w:rFonts w:ascii="Courier New" w:hAnsi="Courier New" w:cs="Courier New"/>
          <w:lang w:val="pt-BR"/>
        </w:rPr>
        <w:t>f1525e5eded5d5d5dfdfdfc3c3438cfd62542a352c2c6c646444bcd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a86610683111010b064c912ae432c16abb4b4f4cc9933fffefbef981635e4e4e476eedc191d1dfd395aef3e69c087b9a3a3036876e1e1e118da477373330441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e8e8e92a830858585e8a50a2291b867cf9e94949473e7ce05040480b41a5c002506</w:t>
      </w:r>
      <w:r w:rsidRPr="00040D48">
        <w:rPr>
          <w:rFonts w:ascii="Courier New" w:hAnsi="Courier New" w:cs="Courier New"/>
          <w:lang w:val="pt-BR"/>
        </w:rPr>
        <w:t>bbd9d7af5f9f3c79d2dbdb5b5b5b5bc23e515151012fffb265cb52535331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290757676a2a36e20686969edd9b3273535f5c489138b172f46abff93274faeaeae16bbf73a3a3ae4e5e5894422f67413f87c20b13effc7f1f4f414f1d6070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77f6c6185535d5dbd69d326be6f0a40464646565656508c796f6f6f31e2ab0e</w:t>
      </w:r>
      <w:r w:rsidRPr="00040D48">
        <w:rPr>
          <w:rFonts w:ascii="Courier New" w:hAnsi="Courier New" w:cs="Courier New"/>
          <w:lang w:val="pt-BR"/>
        </w:rPr>
        <w:t>0d0d49beede5d75f7fe56a9646a345454581f878e2b174e952ecd8ff12323c3c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cc71f7f58595961c8202323a3a2a23265ca141d1d1dbe7baf9c9d9d5b5a5a60184e4a4ac2be1c5353d3f791e7afbbbb7bfffefd82142f4545c51933662c5bb6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cccdcdcdd9d9d9dcdc9cef5538393981740463a2bebe5ed0d28fe8f05a64</w:t>
      </w:r>
      <w:r w:rsidRPr="00040D48">
        <w:rPr>
          <w:rFonts w:ascii="Courier New" w:hAnsi="Courier New" w:cs="Courier New"/>
          <w:lang w:val="pt-BR"/>
        </w:rPr>
        <w:t>ebebeb972e5d2a499b3b77ee1ca7de95f2166e7dc2caca0a238ecab973e72008b2b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b393d0cc086230002e5dba843e5459590962757321621c27168b0532804310242b2baba4a4a4a4a4342625d4ccccaca2a262e1c2851004fdf9e79fd8a70b0a0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26dc1d9d9992bb61d58438120884020f086f51c13cf9e3d032b2c57</w:t>
      </w:r>
      <w:r w:rsidRPr="00040D48">
        <w:rPr>
          <w:rFonts w:ascii="Courier New" w:hAnsi="Courier New" w:cs="Courier New"/>
          <w:lang w:val="pt-BR"/>
        </w:rPr>
        <w:t>ae5cc1280636dd48f50918869f3e7d2ad40a8a909494f4b1e5c5824c267b7878081a9d8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c8cf6eddb979d9d5d5c5c5c5656565454949191e1ebebcb57b1d8b367cf984edddddd2d890332e0eeddbbe8362b2a2ac625b4ddb7df7e3baeddfc8e868606e0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c25087575f5f0f0f0e2e2620a85323c3c3c3c3c4c2693e3e3e3</w:t>
      </w:r>
      <w:r w:rsidRPr="00040D48">
        <w:rPr>
          <w:rFonts w:ascii="Courier New" w:hAnsi="Courier New" w:cs="Courier New"/>
          <w:lang w:val="pt-BR"/>
        </w:rPr>
        <w:t>79a719b366cda2d1687c470c34e8387be3029bcdfeedb7df04390d4c9f3efdecd9b3ededede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19fc160b4b4b4c4c6c6f2ba79110884b10602cfcdcd15760385a0aaaaca95b0293d3d5d8c85665e44cfea2c4514deea13140a05b858cac9c9555555092afdf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7df4302f4091a8d26ba92c1e170222323f178fcd4a95379</w:t>
      </w:r>
      <w:r w:rsidRPr="00040D48">
        <w:rPr>
          <w:rFonts w:ascii="Courier New" w:hAnsi="Courier New" w:cs="Courier New"/>
          <w:lang w:val="pt-BR"/>
        </w:rPr>
        <w:t>c368666464a00d18003333b3baba3aa12de7e7e723c6801d3b7650281412893479f264519e2d797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99d3b77767575c1ff4d26626060909b9bcbf744af5fbffee9a79f7835154b4b4bd0029aa6a6263939390d0d8d3165c1a6d3e9bc5d4a269341e71c3c785050c5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6d65630f4dbdbdb7fe005e64f905bb76e8938b8c8c8</w:t>
      </w:r>
      <w:r w:rsidRPr="00040D48">
        <w:rPr>
          <w:rFonts w:ascii="Courier New" w:hAnsi="Courier New" w:cs="Courier New"/>
          <w:lang w:val="pt-BR"/>
        </w:rPr>
        <w:t>c81415157d6c79f9c3e170525353f5f5f5f98aedeeee7ef5ea5541f3da828202be8b98414141a2a73d6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e6e363131d1d5d535e0879191115f431d1a151595cece4ea4c17bf7eef1bd1c08827474746c6c6ce6ce9d0b92da08455959f97dacf1676565f19ddb00b4b5b5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f9c3821282ddfa3478f366fdecca5c98586860a</w:t>
      </w:r>
      <w:r w:rsidRPr="00040D48">
        <w:rPr>
          <w:rFonts w:ascii="Courier New" w:hAnsi="Courier New" w:cs="Courier New"/>
          <w:lang w:val="pt-BR"/>
        </w:rPr>
        <w:t>4d00949d9d3d8e97d0dadaeae6e6c6f744e6e6e6972f5f1614c518505353c3ab4e696868a4a5a5892ec3d5a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57757474f4f5f5f93e39060606429d4fe7ce9d0b523a007efffd77be33043c1e6f6868686b6b3b6dda3411e790bebebee277ae141edeea13542a554747077471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84808dfa2743a1d64d1447268a1397dfa34</w:t>
      </w:r>
      <w:r w:rsidRPr="00040D48">
        <w:rPr>
          <w:rFonts w:ascii="Courier New" w:hAnsi="Courier New" w:cs="Courier New"/>
          <w:lang w:val="pt-BR"/>
        </w:rPr>
        <w:t>3258343636d26834a1e76e6d6dcdcacae2fbc12b2929e135ae1289c4c3870f373737f356e9eaea4a484878f3e60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b0a040106467670764387bf6acd044274d4a0000200049444154a74a4646c6d3d393cb7270ecd83170282828a8b6b6766464647474747878b8a9a9292626866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5c87993367b6b5b5f15ece9b376f4e9f</w:t>
      </w:r>
      <w:r w:rsidRPr="00040D48">
        <w:rPr>
          <w:rFonts w:ascii="Courier New" w:hAnsi="Courier New" w:cs="Courier New"/>
          <w:lang w:val="pt-BR"/>
        </w:rPr>
        <w:t>3edddada2ab44f80bb35f8bba9a929232383ab4075753578559c9c9c043502328f4010e4e6e626f48c5f3cd1d1d1a28c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c10041918180c0c0c7c6c79f9f0f8f163deecbb000b0b0b114d77313131bcd557ae5cc9e5e92c08b06f5310300c47464662772ffaab70f3e64ddef51a19191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767e79c9c9c818101369bcd6432</w:t>
      </w:r>
      <w:r w:rsidRPr="00040D48">
        <w:rPr>
          <w:rFonts w:ascii="Courier New" w:hAnsi="Courier New" w:cs="Courier New"/>
          <w:lang w:val="pt-BR"/>
        </w:rPr>
        <w:t>7b7b7bcf9e3d2bca3a4b545494d8ddcbcbab57af109b225f5c5c5c9e3c7922b49db8b838742d3c1e8fed43402010d02a9784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42727f3f56cc5e170bb77ef167155a5a7a787af85262c2c4c4431180cc6d0d010dfc7e6cd9b37fdfdfd201123061b376e449adab163076f81891327eedbb70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cd22c166b7474b4b6b676ff</w:t>
      </w:r>
      <w:r w:rsidRPr="00040D48">
        <w:rPr>
          <w:rFonts w:ascii="Courier New" w:hAnsi="Courier New" w:cs="Courier New"/>
          <w:lang w:val="pt-BR"/>
        </w:rPr>
        <w:t>fefd42f721aaabab8f63874b79ab4f30994c24828aa6a626df570599194f993285eb596c6969313434049f5210b601ad4e8a474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383b9b93972e315141480810b87c3cd9a356bc3860da1a1a12121217e7e7e0e0e0ecacaca5f7df5150cc3e5e5e5c0630858027a7a7ab01f56030383e0e0e0d2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2521886190c06d7e724</w:t>
      </w:r>
      <w:r w:rsidRPr="00040D48">
        <w:rPr>
          <w:rFonts w:ascii="Courier New" w:hAnsi="Courier New" w:cs="Courier New"/>
          <w:lang w:val="pt-BR"/>
        </w:rPr>
        <w:t>39391989b4a1aaaa6a6868883ca06a6a6a9b376f06d9db01f3e6cd6b6f6f97f0aaa9546a404000d862d0d0d0606565f5f2e54b740164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3cca44993fafbfb795b2093c9c8a46aebd6ad12caf305e0ebeb8b3da6208c7509e003c0e170626262f8ba17e070b888888831bd683ffcf0036f3bab56ad020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184ac59b306bb7b</w:t>
      </w:r>
      <w:r w:rsidRPr="00040D48">
        <w:rPr>
          <w:rFonts w:ascii="Courier New" w:hAnsi="Courier New" w:cs="Courier New"/>
          <w:lang w:val="pt-BR"/>
        </w:rPr>
        <w:t>fdfcfc40c9bb77eff22a13767676c5c5c57c5baeaaaa12bacfdcd3d353f24b0094979763877fd8b46993e8cb88c0a62b22922f25035ebc7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b175eb56bea75053534b4d4d1d536b2525257c4d08d1d1d1928b5a535323d49670f1e2451886391cce962d5b788fae5ebdfaf1e3c77c1b4f4b4b13dae763b21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bc1e65d3e30</w:t>
      </w:r>
      <w:r w:rsidRPr="00040D48">
        <w:rPr>
          <w:rFonts w:ascii="Courier New" w:hAnsi="Courier New" w:cs="Courier New"/>
          <w:lang w:val="pt-BR"/>
        </w:rPr>
        <w:t>b4dff5ae5dbb788b2271b2274c98c0a5701c3a74088220b01eb17af5eac58b178f8b70bdbdbd1e1e1ee0a40a0a0a5151519191910e0e0e5c5650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0af858505185b131212d6ad5b075ecb909010aea70787c3110884d9b3676fd9b2e5ca952bc8e4acb8b8d8c7c787d7db884aa5666464040505b9baba2e5ebcd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cdcd6dfb</w:t>
      </w:r>
      <w:r w:rsidRPr="00040D48">
        <w:rPr>
          <w:rFonts w:ascii="Courier New" w:hAnsi="Courier New" w:cs="Courier New"/>
          <w:lang w:val="pt-BR"/>
        </w:rPr>
        <w:t>f6ed292929206b0918e8f1787c484808dfaffb58e17038767676fbf7ef8761984422411074eedc397401649f8b20e3bcababebf8bef09f35341a0da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361f3f7df7f7f6c79ff1f434343df7df79d2069c196e631d1dbdbcb37129d939393843e8083838382162f10e2e2e260182e2c2c444ca108c1c1c123232318e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fdb</w:t>
      </w:r>
      <w:r w:rsidRPr="00040D48">
        <w:rPr>
          <w:rFonts w:ascii="Courier New" w:hAnsi="Courier New" w:cs="Courier New"/>
          <w:lang w:val="pt-BR"/>
        </w:rPr>
        <w:t>b60dbbf19933678abe7683c18d1b37b075978888080c076d5ebababa30164db8e03bf08e95f2f2724151717574742a2a2ac468d3cfcf8fb7353c1e9f939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3a1b4898989d87da2a9a9099232464444701dd2d5d5bd70e1024807cd17b43b9d2062636325bc042908d0c0c0000826f1f3cf3f235d4c24121f3e7cc855146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37cecccc447e67b158204af7bd7bf78a8a8a20081ac7b0074c2613848e8020c8d2d2122c610c0d0d91c9e48a8a8aaaaa2a0a8582ec9c4456f58032c1e1708e1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3bb661c3067f7fffbd7bf7464747272727171414f4f4f4a0270177efde05c9cac73439e8efef072edff2f2f27ffdf5d7785d2f0cc34b962cd1d2d282613827</w:t>
      </w:r>
      <w:r w:rsidRPr="00040D48">
        <w:rPr>
          <w:rFonts w:ascii="Courier New" w:hAnsi="Courier New" w:cs="Courier New"/>
          <w:lang w:val="pt-BR"/>
        </w:rPr>
        <w:t>2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7e29978c5c6c62277e1c2850b5c75fff9e71ff4ab023ca7984ca68836ed2f8f9696165e5f1cbe28292991c9e48f2def3be874babbbbbb2069434343c56b76e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ebd7c1b042aacd85cbe7c59680fdfbb77efe5cb977a7a7a5cbf4746460a6d9ff75bc285bebebee4db22eedcb983ede5b77efd7a319a0d0d0d15da3980</w:t>
      </w:r>
      <w:r w:rsidRPr="00040D48">
        <w:rPr>
          <w:rFonts w:ascii="Courier New" w:hAnsi="Courier New" w:cs="Courier New"/>
          <w:lang w:val="pt-BR"/>
        </w:rPr>
        <w:t>cb972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b780924120963f7ec98fc1ed080b18897e9d3a74bb8b986afc9010d989d161616729931f4f4f4440923e1e3e383dd7e44448424f24b41035dbf7e1db8ce723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314141415c45d1c652f410d0d8d80886ec0b172e8095fbf1b2da211c3972049c37212181f76870703038aaa4a4f4cb2fbf88688aecebeb4b494971</w:t>
      </w:r>
      <w:r w:rsidRPr="00040D48">
        <w:rPr>
          <w:rFonts w:ascii="Courier New" w:hAnsi="Courier New" w:cs="Courier New"/>
          <w:lang w:val="pt-BR"/>
        </w:rPr>
        <w:t>7575457654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bbbaba8a2e1230272a2929493e04a0613299404d292a2a3a75ea14044193274f46bfb1e84cc7870e1de2aa8bcea5a2a4a4f4e8d1231886fbfbfb6fddba358e42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7e4680b066a2606c6c8c3d45fe9030994c41f66a0882ccccccc40eba75e3c60dbe6daaabab373434882db050fb818a8a0a8542f9f1c71fd13f</w:t>
      </w:r>
      <w:r w:rsidRPr="00040D48">
        <w:rPr>
          <w:rFonts w:ascii="Courier New" w:hAnsi="Courier New" w:cs="Courier New"/>
          <w:lang w:val="pt-BR"/>
        </w:rPr>
        <w:t>cacaca1e387040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94e0785c1579d1d3d393509f2093c9d891a6b4b4b4786759a2801d2a06415e5e5e1497730cdadbdbd16bc45cb8b8b88cc9b282a6a7a7475048df63c78e892d30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93c9149a312a30301086e1e5cb97a37fd4d4d41471cfb320775404a93e318e4051515160cf0c8542e1526cb90c415e5e5ec821c4410686</w:t>
      </w:r>
      <w:r w:rsidRPr="00040D48">
        <w:rPr>
          <w:rFonts w:ascii="Courier New" w:hAnsi="Courier New" w:cs="Courier New"/>
          <w:lang w:val="pt-BR"/>
        </w:rPr>
        <w:t>e1f0f070f0a3a3a3a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b1b131b8d9cf9f3f47d7653299341a0df8e0d068341a8d36d67d8c870f1f8620c8d4d4944b1d6630185c5bc3e7cc99131717d7d0d0303434c46030d86c369bc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63018c3c3c38f1e3dba72e54a7878b8abab2be2a984c3e1803e84f61763b3d9181282dd1fd0d8f57d168bc56432e974fae8e8289d</w:t>
      </w:r>
      <w:r w:rsidRPr="00040D48">
        <w:rPr>
          <w:rFonts w:ascii="Courier New" w:hAnsi="Courier New" w:cs="Courier New"/>
          <w:lang w:val="pt-BR"/>
        </w:rPr>
        <w:t>4ee77dbdfbfafac05df0f2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2024303886f831440af52a3ef020cc3274f9e44f703089b03c3308944c2d80cf26523745e8be0e3e3f3b1857dcbcb972fb12755e9e9e96237fefcf973411f86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fbef946bc36190c86d0a427f6f6f677eedc412fc3e3f1f8949414114f21c81d1561faf4e9a2f8800ba2a5a505389b63c07732</w:t>
      </w:r>
      <w:r w:rsidRPr="00040D48">
        <w:rPr>
          <w:rFonts w:ascii="Courier New" w:hAnsi="Courier New" w:cs="Courier New"/>
          <w:lang w:val="pt-BR"/>
        </w:rPr>
        <w:t>230a7d7d7d42237e42103463c6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c49966cbabbbb31ee82bcbc7c595999d88dc3301c1010c0b765229108fccfc4a0b3b353a8cbe4ffb177e641511ced1fefbdb8961b8112c1625320181011251e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84ba142a5344a81422e052494f7152428040f24104b8d515422185151239e65194d508927043508ca62b8bd400471b996</w:t>
      </w:r>
      <w:r w:rsidRPr="00040D48">
        <w:rPr>
          <w:rFonts w:ascii="Courier New" w:hAnsi="Courier New" w:cs="Courier New"/>
          <w:lang w:val="pt-BR"/>
        </w:rPr>
        <w:t>e5da63de3ffacdfce637bbdbd33b6c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c48f8fc054bd3d333bb33dbfdf4f37cbfd9d9d964963d64f8f0e150ab9011994cc66888b87dfb7676831f421d101b1bbb64c912f8cbbc79f3a8175a2010902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272b9dcd7d797fc133502111a1aaafe26edddbbf7f6eddbdbb76f5fbe7cf9dcb9737d7d7d5d5c5c9c9c9c1c1c1cec</w:t>
      </w:r>
      <w:r w:rsidRPr="00040D48">
        <w:rPr>
          <w:rFonts w:ascii="Courier New" w:hAnsi="Courier New" w:cs="Courier New"/>
          <w:lang w:val="pt-BR"/>
        </w:rPr>
        <w:t>edede7cf9f4f662a74767656545440334c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c440bbbbbb619af1575f7d45fb93c6010804023b3b3b1f1f1f3f3fbf2953a6787b7b8f1831423dab482412ad59b3062a060a0482929212d8674b4bcb810307b4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d06e628c4c4c4a02fae4c267bf1e2c5ebd7afc969cab973e766cc98e1eaea3a7af4682f2f2f3f3fbfd9b36747</w:t>
      </w:r>
      <w:r w:rsidRPr="00040D48">
        <w:rPr>
          <w:rFonts w:ascii="Courier New" w:hAnsi="Courier New" w:cs="Courier New"/>
          <w:lang w:val="pt-BR"/>
        </w:rPr>
        <w:t>4747a7a4a49c3a75aab6b696dc4da44a607df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d77f0dfc9121b08b5c4a3a0a0805643b571e346f8a78484847f6d6266707030fa6942929696f6570f96200842269305050521c609976bac41af08d9c5b1aaa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ab193795162d5a445d90f078bcecec6cccfe7134aaa74f9f8ed84747535b5b2b1289d0fd4f9d3a95758eb9</w:t>
      </w:r>
      <w:r w:rsidRPr="00040D48">
        <w:rPr>
          <w:rFonts w:ascii="Courier New" w:hAnsi="Courier New" w:cs="Courier New"/>
          <w:lang w:val="pt-BR"/>
        </w:rPr>
        <w:t>42a1983c7932ba7fa0b63cd089cacaca3163c6203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5fb06001ebce2154d1201a7e7e7eec1c18ce9f3f8fbe26e6e6e65f7ffd35357b57241269cbdb55a7aaaa8af1933990d9f91034407272b2b5b5352c22b87efd3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d4e552412c19a85eeee6e373737f2751b1b1bf82fda1e4f7c3e5f9b3cdfca952b9b9a9a944a655e5e</w:t>
      </w:r>
      <w:r w:rsidRPr="00040D48">
        <w:rPr>
          <w:rFonts w:ascii="Courier New" w:hAnsi="Courier New" w:cs="Courier New"/>
          <w:lang w:val="pt-BR"/>
        </w:rPr>
        <w:t>de82050b1c1c1c0c0c0c0c0c0cecededd1296630e6a9be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b515e5ece980b4683c3e1f8fafa6665655dba7429303090fcf25ebf7e3dec332727c7d9d999a6bd0fe9ececb4b3b3333434d4581a0a512a956969698e8e8ec6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c6c6a6a6a6eeeeeeebd6ad83bb0f45454573e6ccd1382a4343438d5245a468e9cb972fa9b71619</w:t>
      </w:r>
      <w:r w:rsidRPr="00040D48">
        <w:rPr>
          <w:rFonts w:ascii="Courier New" w:hAnsi="Courier New" w:cs="Courier New"/>
          <w:lang w:val="pt-BR"/>
        </w:rPr>
        <w:t>50696c6ca4c539f97c3e4cbceaeded757676fe1b562ebc05b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babaf08d70ff26ca36da5681107b7b7b7575135d41ccb1d85549e0244f4c9f3e9dfad1d529090e476091f534aba7a707476671801f0fc65d7c00c0fefdfbd975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e9148d0fee6060606ecd230a9e4e6e6220e71e9d225167d6ed8b0017d4d1c1c1ca8d2e36e</w:t>
      </w:r>
      <w:r w:rsidRPr="00040D48">
        <w:rPr>
          <w:rFonts w:ascii="Courier New" w:hAnsi="Courier New" w:cs="Courier New"/>
          <w:lang w:val="pt-BR"/>
        </w:rPr>
        <w:t>6e6e3ad5d01d3b760cdd3f5a6f69085d01509e81ccec534f010b0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88073cff5ebd7932ff278bca2a22282207a7b7b113b76eac003b5b4b4cc9c3953fdafc6c6c6881d4418cfd7a8bd5d59598916c425717373dbb3670fd4becdc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caa2d5ad393939c1fd14d81b35ed94a4a1a1c1c0c0c0d6d61611503973e68cfaa18542</w:t>
      </w:r>
      <w:r w:rsidRPr="00040D48">
        <w:rPr>
          <w:rFonts w:ascii="Courier New" w:hAnsi="Courier New" w:cs="Courier New"/>
          <w:lang w:val="pt-BR"/>
        </w:rPr>
        <w:t>2129bfb86edd3afc8b46667ddfbc79931ab7205f57ff86200348302d66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07b9c8397d2d2524ca15f5353539aa4e95fc2a14387d0e3d48b4270444484b6fe8d8c8c580843312637f0f97c6ac9eb679f7da653ffe9e9e98cef208b6a170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350f5d1bb367cf66d7390963d6219fcfc78ce1aba35192818a5e74684e9f3e8d38</w:t>
      </w:r>
      <w:r w:rsidRPr="00040D48">
        <w:rPr>
          <w:rFonts w:ascii="Courier New" w:hAnsi="Courier New" w:cs="Courier New"/>
          <w:lang w:val="pt-BR"/>
        </w:rPr>
        <w:t>04590cac13d462348d58585890b7b0a1a1217e6402c298d6636767f7f7949c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9a4f0a10eebb163c7a2a2a2783c5e707030cdaaeac68d1bc9c9c9292929f1f1f1f9f9f90f1e3c00002895caeaea6ac6521c00808b8b4b6c6caca3a3636a6aea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c1933a0b8427878386909666b6b1b1212f2eebbef767575e5e4e494949468</w:t>
      </w:r>
      <w:r w:rsidRPr="00040D48">
        <w:rPr>
          <w:rFonts w:ascii="Courier New" w:hAnsi="Courier New" w:cs="Courier New"/>
          <w:lang w:val="pt-BR"/>
        </w:rPr>
        <w:t>dbc89448240000232323f5c8879b9bdbf5ebd77ffef9e7a2a2a2cacacae6e6662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892310086c6c6c9c9c9c4422d13befbc3371e2c471e3c671b9dc070f1e7cf8e187ea77487d7d7d6666a68b8b0b3ccd7dfbf6cd9a358bb68f6062626262622291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489e3f7feee9e9a971a88585855e5e5ee1e1e16d6d6d454545c5c5c5fd</w:t>
      </w:r>
      <w:r w:rsidRPr="00040D48">
        <w:rPr>
          <w:rFonts w:ascii="Courier New" w:hAnsi="Courier New" w:cs="Courier New"/>
          <w:lang w:val="pt-BR"/>
        </w:rPr>
        <w:t>fdfd32996cc58a150d0d0d9b366d4a4d4dbd77ef9e9393d3dcb9732b2b2bb3b2b25eb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7ac57831a12216fc79ecd8b18989890080989818f5eceb0f3ef880c7e375757541238f817b9a0c462a2a2a305d829c9d9d593bc8eb8b868686b4b43444030e87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3121232f00321e658bdbdbd57ae5cd1f6a9d646797939ba8142a1</w:t>
      </w:r>
      <w:r w:rsidRPr="00040D48">
        <w:rPr>
          <w:rFonts w:ascii="Courier New" w:hAnsi="Courier New" w:cs="Courier New"/>
          <w:lang w:val="pt-BR"/>
        </w:rPr>
        <w:t>201dcbfcfcfc52525274eaffe1c3878c6d183744345255558508e3432c2c2cc814b13f8f61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c386b13b855f7ffd353b3b1bd180c3e1609ae1a151f720a552505020954a199321a848a5d2c78f1fa3db508deee2e2e2a00d02260a8582f193e3eaea3a7015f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1fe8fd2d252b8c701eb14241289c68f352c27aba9a921955e</w:t>
      </w:r>
      <w:r w:rsidRPr="00040D48">
        <w:rPr>
          <w:rFonts w:ascii="Courier New" w:hAnsi="Courier New" w:cs="Courier New"/>
          <w:lang w:val="pt-BR"/>
        </w:rPr>
        <w:t>56af5e4d10445f5f1ffae923140aa1c8a3582c964aa5ededed7e7e7ee45f434242a8f264353535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d0345c1d854201ff516389766161218c9790405136289746be585e5e9e9a9aeae5e585b8371c1d1da9256d414141ea1358986c8cf08ecacdcd7dfefc39f9ebb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7bf7a8bb42d06ea0b6b616ae894f9d3aa5d17d87242e2e</w:t>
      </w:r>
      <w:r w:rsidRPr="00040D48">
        <w:rPr>
          <w:rFonts w:ascii="Courier New" w:hAnsi="Courier New" w:cs="Courier New"/>
          <w:lang w:val="pt-BR"/>
        </w:rPr>
        <w:t>0ef64396ce3a3a3a3e7efc982088a8a828f5f6f6f6f6500698fc7efae5975fb40df51f0c35a2866620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5bd7fa62c18205e8414e9b368d757e3e15b4c097b3b3332d991a8d442251d793d0868b8b8b36816a6df4f5f5a11d340000969696ecdcd81935b800000909092c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7aa6c1189f601702e9e9e9a13e4e353267ce9c818f</w:t>
      </w:r>
      <w:r w:rsidRPr="00040D48">
        <w:rPr>
          <w:rFonts w:ascii="Courier New" w:hAnsi="Courier New" w:cs="Courier New"/>
          <w:lang w:val="pt-BR"/>
        </w:rPr>
        <w:t>9f208813274ea00f74edda359d3a2c2a2ac2771c0d0a0a42184b69a4a1a101e199071914fe7f8308d0d9d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9bf3e5d5c5c60111a55e1804a6868687f7f7f4d4d0d9c404c99320576c168adcbe170c8ed52b20a8ecbe562968a4160a2e2b871e3a8f51d3d3d3df7efdf5fb2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409fc3e168944616161c9c9c9191919a4b8b5</w:t>
      </w:r>
      <w:r w:rsidRPr="00040D48">
        <w:rPr>
          <w:rFonts w:ascii="Courier New" w:hAnsi="Courier New" w:cs="Courier New"/>
          <w:lang w:val="pt-BR"/>
        </w:rPr>
        <w:t>442259b3664d6060a0b3b3333bc3dcc99327d37661607d87a9a9a9b610a57a6a58676727351f0da644f4f4f424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525313abfa7a6a612042197cb274c9800000808088093158d9309f0c713b0bcbc1c66959b9b9bff1d82f96f1f746223956fbffdf6af1d2ace929df5fe3a0d6d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93b243a2906521d73d070381c16f2474f</w:t>
      </w:r>
      <w:r w:rsidRPr="00040D48">
        <w:rPr>
          <w:rFonts w:ascii="Courier New" w:hAnsi="Courier New" w:cs="Courier New"/>
          <w:lang w:val="pt-BR"/>
        </w:rPr>
        <w:t>9f3e65b47363978c894e0880d8d9d93d7bf64cd79ed5d1e8d24e054784431d6dcf6a2afaca37dcb76f9f7e4f01671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b626b6b0b974f3aa1ad349a8a7eabfd87000465f77dd6ac59dddddd1d1d1deeeeee1aaf7e4040404b4b4b7b7bfbb265cbcccdcda14a268e9eb199995973733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352e87bfa3dfdede9e96960683b411</w:t>
      </w:r>
      <w:r w:rsidRPr="00040D48">
        <w:rPr>
          <w:rFonts w:ascii="Courier New" w:hAnsi="Courier New" w:cs="Courier New"/>
          <w:lang w:val="pt-BR"/>
        </w:rPr>
        <w:t>1111b9b9b9999999a9a9a9111111b03c15f61f1818e8e2e2423eda828282c87fc74fcaa3317dfa7498e8646464141212b2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3c78e53a74ee5e7e7e7e4e4c0f0b84824d26618a64e5b5b1b19a5303131a9aeae26eb4ed11c3d7a942088baba3a030383888888dededeeeee6e8d552d00000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0f0fb8be240bafc9c2d17f156d</w:t>
      </w:r>
      <w:r w:rsidRPr="00040D48">
        <w:rPr>
          <w:rFonts w:ascii="Courier New" w:hAnsi="Courier New" w:cs="Courier New"/>
          <w:lang w:val="pt-BR"/>
        </w:rPr>
        <w:t>6d6d983e70b48adcb74f69692963a0d8d6d6562f93429c5a0332ff1707b8a18603bb22231c051116120262b198d1c00c00101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fcf62ccea40c53c042c2a6b1a1a1a189d4d468e1c4913ec674d424202fa583ad51b63d6bc0000f87c3ebb2911a95aa40d131313444efd102c00c4ffafd1878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129a92019580800018ffcf</w:t>
      </w:r>
      <w:r w:rsidRPr="00040D48">
        <w:rPr>
          <w:rFonts w:ascii="Courier New" w:hAnsi="Courier New" w:cs="Courier New"/>
          <w:lang w:val="pt-BR"/>
        </w:rPr>
        <w:t>c8c8b87efd3a8191a30b0018366c585353938f8f0ffc9554ba2451a9548f1e3d5297acaeaeae26ff4b23565656c1c1c10505050441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28140ab1589c94940415b8c9e447c648b236f6efdf2f97cbc3c2c21021042e970be30734eaebebd5573654afcbad5bb7e6e5e5318e81c3e1c0eb7cf9f26558a6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1ead52bc4e3092e2e</w:t>
      </w:r>
      <w:r w:rsidRPr="00040D48">
        <w:rPr>
          <w:rFonts w:ascii="Courier New" w:hAnsi="Courier New" w:cs="Courier New"/>
          <w:lang w:val="pt-BR"/>
        </w:rPr>
        <w:t>a9997d03ac301ca490c6698c989b9bb39687d20b9f7ffe39e320434242f472aceeee6eb43905d0d17411a1084ec5d4d4949d5e16b4e543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06868a82e93cf08ce5e984020a07904b283519fc3d4d454d76d208220525353194f61e1c285031f3f84b1f47ac28409f85b121515158cb6a210769aa4384a5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63c68cd1550669</w:t>
      </w:r>
      <w:r w:rsidRPr="00040D48">
        <w:rPr>
          <w:rFonts w:ascii="Courier New" w:hAnsi="Courier New" w:cs="Courier New"/>
          <w:lang w:val="pt-BR"/>
        </w:rPr>
        <w:t>08348020881b376e90cb7a3e9f7ffefcf9dede5e2f2f2f6d6f83a7a727d5d2f0d6ad5b8c11fbd1a347fff8e38fe4f37de9d2a550d6a9ababeb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5cb97274e9c080d0dd5a8f72093c9cacacace9c39939292b274e9d28f3efa282c2c2c3a3a3a3e3e3e3333b3b0b050a3da2b8c1e8b44a2e6e66682200e1e3c88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f3c1558794</w:t>
      </w:r>
      <w:r w:rsidRPr="00040D48">
        <w:rPr>
          <w:rFonts w:ascii="Courier New" w:hAnsi="Courier New" w:cs="Courier New"/>
          <w:lang w:val="pt-BR"/>
        </w:rPr>
        <w:t>812a2b2bdbb163476464e4fbefbf3f71e2443f3fbf3973e6444747a7a5a5fdf4d34ff5f5f5eae1d6aeaeaeb56bd7c6c7c7171717777474f4f5f5c9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e5f2fafa7a323dc5d7d7f7c2850b8c97cec2c202ee0dc37bf5e6cd9b885a7958ef77f7ee5daa7e8e7ee5c0070b478e1cc17c97c78f1fafebd6ac1e79f6ec194e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b6ecc1</w:t>
      </w:r>
      <w:r w:rsidRPr="00040D48">
        <w:rPr>
          <w:rFonts w:ascii="Courier New" w:hAnsi="Courier New" w:cs="Courier New"/>
          <w:lang w:val="pt-BR"/>
        </w:rPr>
        <w:t>8307f572b8c6c646c65808becd3d7e79176b8170c69d0216e1379c953dd0513017416b6b2b3adb77c28409ba9e425959194ef2236b816d1aededed8c9f</w:t>
      </w:r>
    </w:p>
    <w:p w:rsidR="00000000" w:rsidRPr="00040D48" w:rsidRDefault="005967D3" w:rsidP="005B592D">
      <w:pPr>
        <w:pStyle w:val="PlainText"/>
        <w:rPr>
          <w:rFonts w:ascii="Courier New" w:hAnsi="Courier New" w:cs="Courier New"/>
          <w:lang w:val="pt-BR"/>
        </w:rPr>
      </w:pPr>
      <w:r w:rsidRPr="00040D48">
        <w:rPr>
          <w:rFonts w:ascii="Courier New" w:hAnsi="Courier New" w:cs="Courier New"/>
          <w:lang w:val="pt-BR"/>
        </w:rPr>
        <w:t>527b7b7b7c5d7f9c1a6300809999596969298b01e3cc5774ad331a82114010446f6f2f550bc5ccccecf6eddbb76edd422fef962d5b06e5197012a6bcbdbda9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1</w:t>
      </w:r>
      <w:r w:rsidRPr="005B592D">
        <w:rPr>
          <w:rFonts w:ascii="Courier New" w:hAnsi="Courier New" w:cs="Courier New"/>
        </w:rPr>
        <w:t>3c1ecfc1c1c1d3d31356978c1831426365266bdadbdbe1630e8a14e1d4af6b443d8e42108442a1c04c8b934824e1e1e10000a150e8e1e1317af4682b2b2b7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616d6dbd63c70e7426260060ead4a9f0700a85222d2d0dd1dec6c6a6aaaaaaa0a060e4c891e48b8e8e8e3aa5d7fd63d0e8a5a991c58b17ff85e364b4f986e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c8bf5ab460a0a0a18a7b0229108537afcf1e3c738abcce1c387b3cb42e8e9e9d1b6f74ac2c2430b738f465f0fa57bf7eed1747d68ac5cb952d73e636363712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bbeeefde2e262c6689f4e45d7ea4e8d1a613d0dc599afa8fb1f0d3140fee72f4a4b07333737cfcbcb3b79f224fad1e3e9e9098d621903b6f6f6f61a4563</w:t>
      </w:r>
      <w:r w:rsidRPr="005B592D">
        <w:rPr>
          <w:rFonts w:ascii="Courier New" w:hAnsi="Courier New" w:cs="Courier New"/>
        </w:rPr>
        <w:t>783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e6464a4deb305e57239acac1389446d6d6d7d7d7dd4af589dd0692f591d954a75f1e2458d39d842a1f0d34f3f65bc4be100eedfbfcf582b959d9d7de1c205d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3fddfa964a5542a19d3844948f9d1b78f542aa5cac469233434545f47fcfefbef190f6763638359947ff8f0619c2bcc3add156795a96bf80d1d7c25</w:t>
      </w:r>
      <w:r w:rsidRPr="005B592D">
        <w:rPr>
          <w:rFonts w:ascii="Courier New" w:hAnsi="Courier New" w:cs="Courier New"/>
        </w:rPr>
        <w:t>717575d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78b1e5a5684cbe5c2ed5a7c241209ce03ed934f3ed1cbf80982c8c9c9613c9c5028a416b521c04c9eb0b6b6861a802c60d44431323262e7c6320482ffcd279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e7d4a33ef3034348c8b8b63947583df76d7ae5d4337e3f178b4246d5b5bdbe8e8e8070f1ee8fd949a9b9ba95fbdf0db0247024f239696962c14</w:t>
      </w:r>
      <w:r w:rsidRPr="005B592D">
        <w:rPr>
          <w:rFonts w:ascii="Courier New" w:hAnsi="Courier New" w:cs="Courier New"/>
        </w:rPr>
        <w:t>7ed4b970e1c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4a953a999f050111c7d742e970b55f7a122388279f3e67df5d557b4d9c9a851a3f4e2a23ee878fdfa358e630218988ed0c0a1f9c16ae3e2c58bfa3a228ed7a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58505e67c62f9f2e58cbdcd9c3993f5687ff8e10774e7666666d482731c7092960000898989ac874d032dffe0e3e3a3eb761b5a5a8a045f</w:t>
      </w:r>
      <w:r w:rsidRPr="005B592D">
        <w:rPr>
          <w:rFonts w:ascii="Courier New" w:hAnsi="Courier New" w:cs="Courier New"/>
        </w:rPr>
        <w:t>d19c116db6b454f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713f5f5f58c959c0080356bd6b01e30e3037fecd8b1ac05d487d006b7abab0b00e0ecec4cf361ebebebdbb973676d6d2ddac0373f3f1f00e0e7e7e7ecec8c6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6542a653219fc5920108487871716161e3a74c8c7c7e7f2e5cb09090998ba4338a4a7a7936259008073e7ce0100f04be469b4b7b733</w:t>
      </w:r>
      <w:r w:rsidRPr="005B592D">
        <w:rPr>
          <w:rFonts w:ascii="Courier New" w:hAnsi="Courier New" w:cs="Courier New"/>
        </w:rPr>
        <w:t>aa162278faf46952529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82c0e0e0ebe73e74e76763629d72197cb5fbf7e8dfe77171797499326d5d5d5151717239a0985c2cececee4e464b95c4e7d7dfefcf9709a08d33b589fc5a0a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6b696aa8483c0c2c282ac127afbdcba758bb18dbbbb3bcd5c7120d4d4d430b61108043825a02a954a2c163336c3919ad6466565</w:t>
      </w:r>
      <w:r w:rsidRPr="005B592D">
        <w:rPr>
          <w:rFonts w:ascii="Courier New" w:hAnsi="Courier New" w:cs="Courier New"/>
        </w:rPr>
        <w:t>25ba81abababaeb7f6cd9b3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9db70381c7d5d73c6abe4e5e58599384c427dbe69c3c8c8883121119faaaa2ac6361c0e07b3201fba35a1db70b95cd69f9caeae2ec6017b7979b1db041f020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4a52208a2a8a8487d6f9ec3e1a09f2ca44f043abec4e5723d3c3ce0fb67696909e51caaaaaaa0deeac08d7a49d4d37a0d0c</w:t>
      </w:r>
      <w:r w:rsidRPr="005B592D">
        <w:rPr>
          <w:rFonts w:ascii="Courier New" w:hAnsi="Courier New" w:cs="Courier New"/>
        </w:rPr>
        <w:t>0c2a2a2a70e6d7e4290b85424b4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ba15008cfdddadabaa6a686dd78b66ddb06c7f0f1c71f43e785dcdc5c78d7595a5a32a638412509c6446e2e97ab7e27dbdbdbc3825e954a75f5ead5aeae2eb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ce14141666626e6dbfd9ffffc472f22512c90cbe568db05881ebddca452294eed34a6757b535313631068c488114d4d</w:t>
      </w:r>
      <w:r w:rsidRPr="005B592D">
        <w:rPr>
          <w:rFonts w:ascii="Courier New" w:hAnsi="Courier New" w:cs="Courier New"/>
        </w:rPr>
        <w:t>4dac07cca8074a7a19628293f60f009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66d9abe4aac9f3f7f8e5e8befddbb57d753a05a336a63dcb871faca32c671e904000c1b36aca3a303a7439cfc157f7f7fd6066f2525258c53347da9b90c418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b5e5e0e57f093264d5ab16205eda2c346887745a150c0dc8be8e8686dc2a542a1f09b6fbe118bc5507fa9bdbd1d</w:t>
      </w:r>
      <w:r w:rsidRPr="005B592D">
        <w:rPr>
          <w:rFonts w:ascii="Courier New" w:hAnsi="Courier New" w:cs="Courier New"/>
        </w:rPr>
        <w:t>6ee2c2b90800a0bfbf9f51f516133e9f4fb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bfbfbfbcf9d3bc7e8320700b0b2b25ab162c5952b575ebc78d1d6d6d6d8d8989797b772e5ca8e8e0eb4a2ad367a7a7a4e9e3c09c7505050606464d4d1d1919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8a8542a0100bb76ed2a2b2b8b8989d196ab656666161919a952a9602708542a15ec93cadab56b61d0e8f6ed</w:t>
      </w:r>
      <w:r w:rsidRPr="005B592D">
        <w:rPr>
          <w:rFonts w:ascii="Courier New" w:hAnsi="Courier New" w:cs="Courier New"/>
        </w:rPr>
        <w:t>dba74f9f661405fa2771e9d225cc96dedede8cf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97f12cf9e3dc359dffbfbfbebeb885555558d8d8d8ccda0dd1d63b3d2d2d2d6d656749bb0b030d65aefdddddd8c7ac98cea90346a6b6b1f3d7ac4d86cc9922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80c4a7ceedcb983588bf3f97c1cd7022af5f5f5bffffe3b63337f7f7f5dc31edaa8acacacafaf676ca6</w:t>
      </w:r>
      <w:r w:rsidRPr="005B592D">
        <w:rPr>
          <w:rFonts w:ascii="Courier New" w:hAnsi="Courier New" w:cs="Courier New"/>
        </w:rPr>
        <w:t>d1c05923bffdf61b639b850b1762eaa4a9535a5a4a8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4d2100804ba5ef621b04849497170708019910a8562f6ecd92c3a8129511a356503020260c18f542a856da2a2a23a3a3adebc79b365cb16720ac2e1707034a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532594d4d4d4f4f0fa28d7a8ed8f8f1e3495d4e8d5859596dd8b0012ea45a5b5bf3f2f20e1c3870</w:t>
      </w:r>
      <w:r w:rsidRPr="005B592D">
        <w:rPr>
          <w:rFonts w:ascii="Courier New" w:hAnsi="Courier New" w:cs="Courier New"/>
        </w:rPr>
        <w:t>f4e851a876525252f2e5975f929b6d52a9b4a9a90967ee4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5e3b5b7b787b254f7efdf0f0c0c84eb2ab880b876eddaa851a3d447b56cd9328220ce9e3dabf3fb01c0c489136140a2bbbbdbcbcb4b5fb23c8382baba3af42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d0987c3d1a6efae47140a454e4ecef6eddbb76ddb56525242beaed1348e869999190c32e985</w:t>
      </w:r>
      <w:r w:rsidRPr="005B592D">
        <w:rPr>
          <w:rFonts w:ascii="Courier New" w:hAnsi="Courier New" w:cs="Courier New"/>
        </w:rPr>
        <w:t>8c8c0c9ccb02f5e0196174b5205d03d9c168e7666c6cac6bbed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1a347194fdfcaca6ae026ae248b162d421ccbd9d959d7c0a1ba598f46ce9c39a3af53c08cf661660d4ba552f4e63800c0dddd7d20325cea0b631a7f6154f29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d80d949616161f0f7870f1f623e8ba9040606120421168ba9cb1a030383c3870f1304d1</w:t>
      </w:r>
      <w:r w:rsidRPr="005B592D">
        <w:rPr>
          <w:rFonts w:ascii="Courier New" w:hAnsi="Courier New" w:cs="Courier New"/>
        </w:rPr>
        <w:t>dfdf3f6fdebc993367926fe1d5ab57a91e199043870e91c3522a951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9a4b0b0f0f8f1e3070e1cd8ba75eb175f7c317ffefc2953a6e018071f3f7e9c5af06d6464a47e38088fc78b8d8d85c578656565fefefed429368fc70b0d0de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8e890cbe5d4cfdf962d5b264f9ebc78f1e2c4c4c43d7bf6e4e6e6deb871e3c99327</w:t>
      </w:r>
      <w:r w:rsidRPr="005B592D">
        <w:rPr>
          <w:rFonts w:ascii="Courier New" w:hAnsi="Courier New" w:cs="Courier New"/>
        </w:rPr>
        <w:t>b4890ef4eba2121c1c4c66ba3d79f2c4c3c363f3e6cd044174747450d5b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100a3468d82d21ab4bc161c381c0ea9a51f191909f457f93628c07ce0c28bac5e0fac775ebe7c49ba6b9e3d7b967c1dedfe05d1e8a6cb1a46bb45084e2aa24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663cc3b19a0b007634d018b4c469c7dcf808000d691761a52a9145d88c1a272</w:t>
      </w:r>
      <w:r w:rsidRPr="005B592D">
        <w:rPr>
          <w:rFonts w:ascii="Courier New" w:hAnsi="Courier New" w:cs="Courier New"/>
        </w:rPr>
        <w:t>0747631b3f3512079cac5bf087c7132338a5a71ab5883051a9548cb55d439b1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f12e0d5ab57701334232303be84efa244221008eedebd4b50c4671c1d1da1e695582c26adc977eddad5dbdbbb75eb565aecdddbdbfbead5abf0e8a5a5a5ab5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d9a3469928d8d0d2d10cde1708e1c398279624f9e3cd9bc79b393931362</w:t>
      </w:r>
      <w:r w:rsidRPr="005B592D">
        <w:rPr>
          <w:rFonts w:ascii="Courier New" w:hAnsi="Courier New" w:cs="Courier New"/>
        </w:rPr>
        <w:t>d8efbdf75e7e7e3e411072b97cfffefddaaa2d828282debc7943edbcadad8d1685e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038c6c6c62291283838f8f0e1c3701f512693252525d1b65a5c5d5d8f1c39a2542a4961c1c8c8c8376fdec864b2f5ebd7939b353b77ee2408e2e1c387383b3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448ef60a86dc0621937a8c157800e0e0e7e0be32115a38d8d8d495b</w:t>
      </w:r>
      <w:r w:rsidRPr="005B592D">
        <w:rPr>
          <w:rFonts w:ascii="Courier New" w:hAnsi="Courier New" w:cs="Courier New"/>
        </w:rPr>
        <w:t>19024fa83e2626465fc3502a9598f68c30908606477e94f4b16307a38248545494ae7de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8800da4ac8006a3b9095c4ee8048e1eb15e0cca212a950a73c70de7634360d4189b9898545454b01e705b5b1b3a45974581ee109800e28f7b4c2010a4a7a7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4d1d7d7c7a2ba72eedcb90441d4d5d541f546b834914824d4f2</w:t>
      </w:r>
      <w:r w:rsidRPr="005B592D">
        <w:rPr>
          <w:rFonts w:ascii="Courier New" w:hAnsi="Courier New" w:cs="Courier New"/>
        </w:rPr>
        <w:t>7a030303da17bc9191515252125c23363535ad5ebd1af1f5b97bf76e82205a5a5ad2d2d2366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ab485425c5cdce77fb06ad5aaf4f474a8b5d5d6d6b669d32628bf4d65e4c891595959044128148ae3c78f8f1f3f1e7d767e7e7ef1f1f18989891b376e8432d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dadad085f252727a7ddbb77c3704545454564e47fd93bcf</w:t>
      </w:r>
      <w:r w:rsidRPr="005B592D">
        <w:rPr>
          <w:rFonts w:ascii="Courier New" w:hAnsi="Courier New" w:cs="Courier New"/>
        </w:rPr>
        <w:t>a828ae3e8c2fbbec2eeca234916247b120082636e045455141315883dda8319ec4de93286a8c898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88e2d12c58aa0e644628204357a1005054e8e8a94a047580ba07458da2e65effbe1e69d7732e5debb336b9afc3e45327bf7eeececccbdfff23cf3e9b715994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6b76f5ffaed18c687aaaaaaa0b8f8e0c183e13981d1</w:t>
      </w:r>
      <w:r w:rsidRPr="005B592D">
        <w:rPr>
          <w:rFonts w:ascii="Courier New" w:hAnsi="Courier New" w:cs="Courier New"/>
        </w:rPr>
        <w:t>05a30809098121905dbb76c1bf08734bfae73273e64cc27325c0f74100d4f66edcb871d41febebeb113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7149466bc788a8b8bd93f04361616162477f323478ea0c7a174e285515959e9e2e262da93d3d4d48416ef874447470b9e3603ac0ac2e5cb978d1d73e1c285d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f60424995972f5fdadada62df51a5521116ad63</w:t>
      </w:r>
      <w:r w:rsidRPr="005B592D">
        <w:rPr>
          <w:rFonts w:ascii="Courier New" w:hAnsi="Courier New" w:cs="Courier New"/>
        </w:rPr>
        <w:t>a31da3468d123361ac6d69b76edd4ca52cd2060309f8631e77f6ecd94d4d4d8585859c197d040a8502367aa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4a4c03501b48db87dfb36dfe53872e448f892eaeaeacf3fff9c2f2501810507e5e5e584a6919d3a755aba74695e5e1e0040a3d1cc9b370f2632ba76ed1a191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965db131313b12b094e6049765d5dddc891</w:t>
      </w:r>
      <w:r w:rsidRPr="005B592D">
        <w:rPr>
          <w:rFonts w:ascii="Courier New" w:hAnsi="Courier New" w:cs="Courier New"/>
        </w:rPr>
        <w:t>231187797b7b536e610909097c4a7f3636366969694d4d4d701fa0542ae18d382b2bcbd8224a7f7f7f988e0d0f0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7fe48459ede041a1a1a4814a220972e5d7addf3a9acaca45a2a1c5f3c480000200049444154e85f44494909b605dfdcdcdc24fe1190f8f87892733273e64c9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1d065011289a477efde84229b9c2427</w:t>
      </w:r>
      <w:r w:rsidRPr="005B592D">
        <w:rPr>
          <w:rFonts w:ascii="Courier New" w:hAnsi="Courier New" w:cs="Courier New"/>
        </w:rPr>
        <w:t>27a377f64aa5d2586118ad568b557c512a95c27c46d8343636babbbb23decbcece4e80710cb68bd2dcdc1c468b4d02e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5e3efef4f5291d0d4d484bde57efdf5d762267cf8f061f4f861616162c66f03810400d0d0d04017ccf6f5f57dfaf4696e6e2ee53481c5d2d2f2d0a143d4a03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6ec90482481818130f5cbde64f7</w:t>
      </w:r>
      <w:r w:rsidRPr="005B592D">
        <w:rPr>
          <w:rFonts w:ascii="Courier New" w:hAnsi="Courier New" w:cs="Courier New"/>
        </w:rPr>
        <w:t>e8d1834a245fba7409bb76090808807b7d9270251d954ab562c50a283a7bf7eeddddbb77c3329f949414017509149696963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1929f9f8fce22cb64b269d3a641d9ae9a9a9a356bd6b0ebc661cb6e666626dc3e52ee62cdcdcddbb66d23ef3ee8dfbfffcb972f8b8a8aa0c837a47bf7ee6f9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e36b9cf9095959549aca8d1</w:t>
      </w:r>
      <w:r w:rsidRPr="005B592D">
        <w:rPr>
          <w:rFonts w:ascii="Courier New" w:hAnsi="Courier New" w:cs="Courier New"/>
        </w:rPr>
        <w:t>50bd390ce1ac67cf9e61178b2e2e2e840d782460fd2121746b1e3e743a1d25a3c2874815f3fdfbf7a3c7f7f0f030d6cce9f1e3c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8eca18b8b0bac1c17cf8d1b37d04ba29123470a081c62d7131d3b7684d159934098fefeeaabaf4846c3d64acbe5f25f7ffd55cc84172d5a849eaa60b5d636b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cde11ca58d3d9d8d85c</w:t>
      </w:r>
      <w:r w:rsidRPr="005B592D">
        <w:rPr>
          <w:rFonts w:ascii="Courier New" w:hAnsi="Courier New" w:cs="Courier New"/>
        </w:rPr>
        <w:t>be7cb9bcbc9c644961676707cd76611f84c160d06ab5a74f9faeadad6d6a6a5ab9722523cf3a79f264588ea0d7eb395b4218787979c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a49a8e520006767e7b8b838f849b3b2b27c7d7d858d43a74b972e5033e3e6cd9b585d14a5520993350080d4d454c6bd58ad56c3106b5e5edec183071b1b1bc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bcb23222260cae3</w:t>
      </w:r>
      <w:r w:rsidRPr="005B592D">
        <w:rPr>
          <w:rFonts w:ascii="Courier New" w:hAnsi="Courier New" w:cs="Courier New"/>
        </w:rPr>
        <w:t>c48913247d530e0e0e1a8de6e2c58b0c972098c37a73387ffe3ce137e8ededfdba05f2eaebebbdbcbce0db393a3ad2452749d613c29e379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80c06742c0de2eaea4a120a2679301366d3f980bde508162e5c68ec98376edcc09e013f3f3f5355fea37bca2442eb4bb0eb09723b372cadadad58655e89446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16191939343</w:t>
      </w:r>
      <w:r w:rsidRPr="005B592D">
        <w:rPr>
          <w:rFonts w:ascii="Courier New" w:hAnsi="Courier New" w:cs="Courier New"/>
        </w:rPr>
        <w:t>3220d42640d0a74f1f74fb1e1aac38874c26838ac36dbc0e7e5f4f9495953182041616160b172edcb66d1b3a2a3b64c8107825ddbd7b178e401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6bc7cf992d1b3a052a9366dda042f976bd7ae913cd7fbf6ed0bb3b9972f5fe6d3b720412a952e5dba74cb962d68a33fa3707777cfcfcf07001c3a74085b9b6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666b664</w:t>
      </w:r>
      <w:r w:rsidRPr="005B592D">
        <w:rPr>
          <w:rFonts w:ascii="Courier New" w:hAnsi="Courier New" w:cs="Courier New"/>
        </w:rPr>
        <w:t>c912181d79fefc39e3cca8d56a7ac9f1a64d9b2412c9f0e1c3a1c27c545414d520c0898585c5b66ddbd6af5fcf58d98c1e3dfa8daa9c0064f65a10c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0be18e877cfe1c387d3bf8b929212ac3f2455572b9efcfc7c922c38615001fb5410a950d7d2d28295073056060a00f0f3cf3f63cfc0d4a953054f9bcee3c78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1f9</w:t>
      </w:r>
      <w:r w:rsidRPr="005B592D">
        <w:rPr>
          <w:rFonts w:ascii="Courier New" w:hAnsi="Courier New" w:cs="Courier New"/>
        </w:rPr>
        <w:t>ac3367ce0818195b5365c2787e616121c96543de7e89fd798a9c7c6969297ac24e4e4e9c96d46d980409f55f172e5c609f7d1b1b1b740dd7471f7d045fb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cf972ea8f7bf6ecb97dfb362311307af46858dc5e5d5dbd7cf9724265d6f8f8780040515191b3b333c9f17f3223468c801f9f9e6240e0e6e676fefc79f8db3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cf830e38e131a1afae8d1237afd33b4d7d3ebf5e85d82bdbd3dbba4d9cacaea2f74a6f8ab98346912e17727324d4bc2b871e3a8b7a384682175757558a9cae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bb79b6a26247d9252a9f4d6ad5b24a3615b0cc4881b823f76d87222acb2243131117b12962f5f2e78da74a86a683e08eb5ed960bf4ac2be4d12485c3a150a</w:t>
      </w:r>
      <w:r w:rsidRPr="005B592D">
        <w:rPr>
          <w:rFonts w:ascii="Courier New" w:hAnsi="Courier New" w:cs="Courier New"/>
        </w:rPr>
        <w:t>0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525860551c30ed9b3678f980963435013274e14337e1b68240080e2e26218f8c5da8472023367f5f5f594e2bd52a9a48743954a25b4960000242727432771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64c9800274a75a25228140abbff616b6b6b6d6d6d6d6d6d6b6b6bc703750cc4c6c686ef483b3b3b1b1b1bfa31f6f6f69cbb8d1d3b760000eedebd6b54</w:t>
      </w:r>
      <w:r w:rsidRPr="005B592D">
        <w:rPr>
          <w:rFonts w:ascii="Courier New" w:hAnsi="Courier New" w:cs="Courier New"/>
        </w:rPr>
        <w:t>e1e4b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1e3a02f6b7676f6b469d3e8e90c5b5b5b2abf1810100023e4683f213e76edda0500686d6d6534bbfe8b216c9a80502dcaaf09c6d38b1dffc7f68b8a4c19509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43b482492a0a020c201478d1a851e4a647f3ff6c1efe7e72720a44f22c36c92351c89aab7a7a7a7b1f51f9003070ea047a697b28984ea6947401e</w:t>
      </w:r>
      <w:r w:rsidRPr="005B592D">
        <w:rPr>
          <w:rFonts w:ascii="Courier New" w:hAnsi="Courier New" w:cs="Courier New"/>
        </w:rPr>
        <w:t>452b2f2f4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f0ba552e9eddbb7c54c78cf9e3de8d9eedcb953ccf86da0910000222323a9b625acb21827f0b15a5c5c4c658b29dcdddd61b7427171f17befbd27c08205de5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3b3b3194ff4c99327373434d4d6d6d6d4d454545468b55aad565b5151515d5d5dc343350dbe63e061959595b5b5b59595959595953535354d</w:t>
      </w:r>
      <w:r w:rsidRPr="005B592D">
        <w:rPr>
          <w:rFonts w:ascii="Courier New" w:hAnsi="Courier New" w:cs="Courier New"/>
        </w:rPr>
        <w:t>4d4dbffcf20b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6e2eeee0e4bb7085b4ee8383a3ac6c4c4c0731e1b1bcbfe994d9f3e1d26861856f284cc9c39136e10efddbbf717fa71ffc9601515296c6d6dc5f84a9040bf2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89b11b0c244a65af12427279354f5c22a282ca5a5a5e8a4a1f892ba9d3b77a2a72a6cbd525555854d7752754e62b879f326b6e669d1a2</w:t>
      </w:r>
      <w:r w:rsidRPr="005B592D">
        <w:rPr>
          <w:rFonts w:ascii="Courier New" w:hAnsi="Courier New" w:cs="Courier New"/>
        </w:rPr>
        <w:t>45c206bf76ed1a7a6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32963be7cf912ebb5a656abe992af68b03dc62e2e2e84c6b67cb0b79d74cccccc6edebc2966fc36d0480000e7ce9df3f2f2828f469d4e87dd7c70f2c30f3f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eedfbf4ff73d5fb76e1d14b0cbc8c8c06aacf2e1ecec0ce56fe7cc9943ffbb8b8bcb3befbc3371e2c4112346502de3376fde0c0c</w:t>
      </w:r>
      <w:r w:rsidRPr="005B592D">
        <w:rPr>
          <w:rFonts w:ascii="Courier New" w:hAnsi="Courier New" w:cs="Courier New"/>
        </w:rPr>
        <w:t>0c9c306142c81f090e0e9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66d1addbc3b353535383898f3c8d0d0502840aed56ae7cc993376ecd8d0d0503f3f3fc63d028a6b5dbd7a55d8e7924824cb962d83db2c8d4643b7867afbedb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185368924331b6f6f6f9823acabab1b3264c8debd7bffd46beaaf83444d19625add49368c2e3b57575776f3247a172e97cb4d</w:t>
      </w:r>
      <w:r w:rsidRPr="005B592D">
        <w:rPr>
          <w:rFonts w:ascii="Courier New" w:hAnsi="Courier New" w:cs="Courier New"/>
        </w:rPr>
        <w:t>d52c4a52a20f256e49c08694b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6ed2ad27c0ead2022f8cc90c4698e1d3b2666e6109280a2e0104e717131baf2e6ca952be23f0200203a3a1afb29162c58403e203620377efc783113d6e9749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e9e88f19d9c9c4cd8f9d2061b0900009a1251f9dddcdc5c010ece6e6e6e30869f9494646565a55028a8c7585c5c9cc8ea</w:t>
      </w:r>
      <w:r w:rsidRPr="005B592D">
        <w:rPr>
          <w:rFonts w:ascii="Courier New" w:hAnsi="Courier New" w:cs="Courier New"/>
        </w:rPr>
        <w:t>07587bc567f2d4be7dfbbcbcbc030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e1c3d7ab4a6a6866ff26ab5faf9f3e7d42747a406a74e9d5a5b5bbb78f1e257af5e41eb3236010101701c6c15371a5f5f5fd84dfaead5ab850b174aa5526b6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bd4d45400c0a3478fc8a3f7143d7bf6a40a98a1bef2eb0eecff7d20910e8408905624c76030304256212121ecc3d0</w:t>
      </w:r>
      <w:r w:rsidRPr="005B592D">
        <w:rPr>
          <w:rFonts w:ascii="Courier New" w:hAnsi="Courier New" w:cs="Courier New"/>
        </w:rPr>
        <w:t>ce934aa5323b3b5bfc6408459cc837b5d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e4e914f05bd5e4f6f5f67d3a54b177413ca83070ff8d4a6434242d0938f8a8a123379004059591976ef24954a11c6310683a1b0b0904f4a1c6d4b2b3e6500d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bf558d56a4b4b4b72a10b92c59c489ba1dcdc5c74db51606020e2e50d0d0d292929a6f2957d33910000f47afd</w:t>
      </w:r>
      <w:r w:rsidRPr="005B592D">
        <w:rPr>
          <w:rFonts w:ascii="Courier New" w:hAnsi="Courier New" w:cs="Courier New"/>
        </w:rPr>
        <w:t>800103241249585818fc1de6e6e6a2955838f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1f181a9faf8f8781856d268340b162c202cbd443068d020b89be4547eddb76f5f6161a1bdbdbd5c2ebf7fff3e9f81964aa5ba73e74e7171714949c9ab57aff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4996d6d6d0b0a0aa07312ac360d0d0d651f06efbf1a8d066bd98cc5caca6afffefdf0fbb87af52acc3da5</w:t>
      </w:r>
      <w:r w:rsidRPr="005B592D">
        <w:rPr>
          <w:rFonts w:ascii="Courier New" w:hAnsi="Courier New" w:cs="Courier New"/>
        </w:rPr>
        <w:t>a7a70b88e88c1933067e05757575b0e3ced9d9f9c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99f080a0a223c5102ba03c861af41376fdecc7924221668aaf50449fc6cdab469e403a243ca12d1aaa31a8d065d8d846ec1a8a9a9f1f2f2ead0a1c3a14387d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112ac8799f8f504895572cf9e3d114ba29c9c1c6767e7193366f0e9a3203e0579512d1acef27c0654</w:t>
      </w:r>
      <w:r w:rsidRPr="005B592D">
        <w:rPr>
          <w:rFonts w:ascii="Courier New" w:hAnsi="Courier New" w:cs="Courier New"/>
        </w:rPr>
        <w:t>2b1f0924c2302233355bb66c418fcff73384c0aea511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6c4c5c5b5ad2a84f17b7f076c509448249d3b773e77ee1c00a0acac0c2b0cc266fcf8f15437cec58b17b18ab974a452e9f0e1c33d3c3cacacac944aa542a13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737572a9572b9dcdcdc1c1a5cd11d3b2143870ed5ebf5540fd59831639a9b9bc78f1fcff72eeb</w:t>
      </w:r>
      <w:r w:rsidRPr="005B592D">
        <w:rPr>
          <w:rFonts w:ascii="Courier New" w:hAnsi="Courier New" w:cs="Courier New"/>
        </w:rPr>
        <w:t>d7afbf7fff3ea2b4fef0e1c32f5ebca01287a74f9fcec9c96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c23fdfdfde105b76fdf3e8944a250286432994c26532814161616d6d6d6fdfaf5834b3472424343a1cc06101a99f8e0830f605d6d7a7a3ab583312a20f98fa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aba9af07a7bad02fe292929f4941f84923f618028a110a0ffc809567d7cd8b061e441e086</w:t>
      </w:r>
      <w:r w:rsidRPr="005B592D">
        <w:rPr>
          <w:rFonts w:ascii="Courier New" w:hAnsi="Courier New" w:cs="Courier New"/>
        </w:rPr>
        <w:t>8606ac268d000d693aecdf3803740bc092254ba823d92dc1d8965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1f98eaaaaaa7efdfaa1df422291848787f38da0d7eb29a9bd0e1d3aac59b386dddf98919181282c255124c34215d7f3e1e1e1619405e8a953a7d0035a59598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4d2c59a6323bc24753a1dbd459912156cc3287e5f4f646666d2178fa3468da29edf58</w:t>
      </w:r>
      <w:r w:rsidRPr="005B592D">
        <w:rPr>
          <w:rFonts w:ascii="Courier New" w:hAnsi="Courier New" w:cs="Courier New"/>
        </w:rPr>
        <w:t>855a063e3e3e1a8d66fdfaf502dcebe18fb9b4b4342f2f2f33333323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32727273737f7e1c387d48f8a2e89efe2e2929f9f0f2d52296263631f3c7840773aa518387020fc0d24272773869a67cd9a05fe68bc6e6f6fafd168b66fdf4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f8cca50161515656666666767a7a5a5a5a5a5656666e6e7e7c3b760bc84047b7b</w:t>
      </w:r>
      <w:r w:rsidRPr="005B592D">
        <w:rPr>
          <w:rFonts w:ascii="Courier New" w:hAnsi="Courier New" w:cs="Courier New"/>
        </w:rPr>
        <w:t>fba8a8a88a8a0a443c93131b1b1b584172e5ca95909010eaab7476762614d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f17909696c6d61ee5c4d1d1f135a551351a0d3baaa452a9602a90f378bef896496ac7b076c16ab5da28799f070f1ea02b5e6d6c6c046848d341ef32653219c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67292949444bf06d8626ed5d5d5e8b09fc82e6242cd3dc4239f11fee9dcb9</w:t>
      </w:r>
      <w:r w:rsidRPr="005B592D">
        <w:rPr>
          <w:rFonts w:ascii="Courier New" w:hAnsi="Courier New" w:cs="Courier New"/>
        </w:rPr>
        <w:t>73717131fb307a2b3203f121166c7f4dbb76ed9292928c1a136bdb3178f060315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1ad56dba95327c4f8f6f6f608a560189086b4956d0ae6fffa13ec58b18787475c5cdcb163c71c1d1dd197021d33333307070761398e4d9b360100d08572353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554d1cd975f7e09584990810307ea74bab0b030c6e00a858272f1065c</w:t>
      </w:r>
      <w:r w:rsidRPr="005B592D">
        <w:rPr>
          <w:rFonts w:ascii="Courier New" w:hAnsi="Courier New" w:cs="Courier New"/>
        </w:rPr>
        <w:t>6ed1b0ceaba0a080710b5ebb766d595919751266cf9e8d981ea5eb42e21ec946ad561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bd8e8d5abd7850b17323232d8bddd0ccd837f3758df420a136a2032e0d47beddbb72f42f20f21214f750009065b50b266cd1aa306c40a120c19324464ac98f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ba563676787c8dfd17f02cecece9c2b1bb41e94b127844e414101</w:t>
      </w:r>
      <w:r w:rsidRPr="005B592D">
        <w:rPr>
          <w:rFonts w:ascii="Courier New" w:hAnsi="Courier New" w:cs="Courier New"/>
        </w:rPr>
        <w:t>da9d1c82585fb2cd32f89247c78f1fe71b1f11fc20049bd222f779869078888bb4d2cdcac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2dc4352204ab019be952634ac7fd3f8ff7ae2ead5ab9c4d65f6f6f6ecf8ed6b02f6506ddebcb957af5e7e7e7ebebebe43860c090e0e86b5f1a74e9d8a88888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c8c84770d4f4fcfc6c6c6989818b95cae52a9d46ab55aad56</w:t>
      </w:r>
      <w:r w:rsidRPr="005B592D">
        <w:rPr>
          <w:rFonts w:ascii="Courier New" w:hAnsi="Courier New" w:cs="Courier New"/>
        </w:rPr>
        <w:t>a954666666313131b9b9b90c252e5757577a8be0ad5bb7188b1ea8e00bd701eaffa1542a3b76e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8e4c913aa0c6dfefcf9070f1e8c888880754f79797913264c183b766c7070f07ffef31f4f4f4f1812c036a09b04a954eaeeeedead5b377634c8d1d1f18db22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fb97225e149fbf0c30f5fc704e85b1c3a3366cc40bc0a</w:t>
      </w:r>
      <w:r w:rsidRPr="005B592D">
        <w:rPr>
          <w:rFonts w:ascii="Courier New" w:hAnsi="Courier New" w:cs="Courier New"/>
        </w:rPr>
        <w:t>d1fe0797d78279f2e4093ab8e8efef6facd12256a246e4b9c516630e1d3a946fbd02938f147cc9f28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404c4f8829dbeebeaea08ede0dddddd39d7972525258caab5c0c040be0fdbd8d8c8572d24d2ac3c2525051d825ab66c99b163627b8c251209e5e8240cbeb23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abe065dad563b75ea54fa91df7df79d9899bcc948</w:t>
      </w:r>
      <w:r w:rsidRPr="005B592D">
        <w:rPr>
          <w:rFonts w:ascii="Courier New" w:hAnsi="Courier New" w:cs="Courier New"/>
        </w:rPr>
        <w:t>e8ffd8b06103fa2b311553a64ce1147c84a6e75f7cf105fd8feddab52b2f2fd7ebf50c03525852575454a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1689ed128282880eb067617fbd8b163e10d342b2bcbd5d595febf285df7070f1e3c7dfa9431605d5d5d555515a34b05264718f56eeddbb7afa8a8686a6ae20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bce9a358b2dd1f19a888c8cfcf3afa7bf0a83</w:t>
      </w:r>
      <w:r w:rsidRPr="005B592D">
        <w:rPr>
          <w:rFonts w:ascii="Courier New" w:hAnsi="Courier New" w:cs="Courier New"/>
        </w:rPr>
        <w:t>c1c059abcb89497a02195cb870812fa50d85c510f085b2c4c451eaebebd1e9e41e3d7a18bbdc6c6d6df5f3f34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fdb93274f0a9b30a4b2b2125de00c5d8bd9242424d0b7a73d7af4e04bbb180c86808000bef11d1c1c4a4a4a04cc9c2e108c86affa95d10faf542a11991d004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e5e9e8383037b7c1b1b1bbef807169d4e</w:t>
      </w:r>
      <w:r w:rsidRPr="005B592D">
        <w:rPr>
          <w:rFonts w:ascii="Courier New" w:hAnsi="Courier New" w:cs="Courier New"/>
        </w:rPr>
        <w:t>870e244c9a3449800c17b628d8cdcd0dda1509062b480aeb0219180c06468111df05d6060912c6bfc97f1562d8bd7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700e0e0c1830c6b69285fcd288fb7b6b6d66ab57575758c1bcda44993101faca4a484d31877eedcb98989899c9936745d7a525212239e019b0019edf88e8e8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d0d0d7575750c19f9debd7bc7c6c6</w:t>
      </w:r>
      <w:r w:rsidRPr="005B592D">
        <w:rPr>
          <w:rFonts w:ascii="Courier New" w:hAnsi="Courier New" w:cs="Courier New"/>
        </w:rPr>
        <w:t>b6b6b6923ff6c420582de71f4a51511161a38d78b52506adadad478e1c419429d0b36c9cfcf6db6f9c294574ad009ab56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7224e82838383004beb478f1ea13b2fc4f7a4609dc6befdf65bf6abb2b2b218a5b89c8751f0c56221c606f3014b9651ad5633b62b7438db22222222188791b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5f17973af5ebddad88f0041f7</w:t>
      </w:r>
      <w:r w:rsidRPr="005B592D">
        <w:rPr>
          <w:rFonts w:ascii="Courier New" w:hAnsi="Courier New" w:cs="Courier New"/>
        </w:rPr>
        <w:t>bf508abdc6021da711a093c824a037c3ddba75e30cc56dddba957e589f3e7de81a456d180b733dd1dcdc8cf5af130f9518aea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d8d8e8e0e0a0a827b0b6f6f6fc08a5cf9f9f90100341a0dfb96cda7d4d4dcdccc67a821954af9d26c2a95eac68d1b9c03161616b2e30a83070f0600646767d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3836e6e6ecdcdcdd5d5d5</w:t>
      </w:r>
      <w:r w:rsidRPr="005B592D">
        <w:rPr>
          <w:rFonts w:ascii="Courier New" w:hAnsi="Courier New" w:cs="Courier New"/>
        </w:rPr>
        <w:t>b0ded3c9c969eedcb9e7cf9fa756df53a64c31f26c19cdf8f1e3452ef6ff7160451128faf7ef2f4ce79893b2b23246b09401a1106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c7c3c6781b0307ba473e7ce21aaa1070e1c28ac73243c3cfc759fdb870f1f22b2e0e6e6e61919198c97a4a7a733aa16828282b0711d84b3b18f8f8f519f827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dad58b1e2d34f3fe5</w:t>
      </w:r>
      <w:r w:rsidRPr="005B592D">
        <w:rPr>
          <w:rFonts w:ascii="Courier New" w:hAnsi="Courier New" w:cs="Courier New"/>
        </w:rPr>
        <w:t>1b9fbd6f3975ea1423c53068d020c254149f24b680a03d7a3111121222f859cbd9724f47bc2ce9aa55ab10e3878686b25f72f6ec59c6c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42dd32112e67a02005051518135f71383542abd73e78e4ea7a3ab4bddbb776fd1a245303ec1e8d7d8b8712300e0f6eddbec2d855c2e8f888860b84e3735350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eb2b8baba4275</w:t>
      </w:r>
      <w:r w:rsidRPr="005B592D">
        <w:rPr>
          <w:rFonts w:ascii="Courier New" w:hAnsi="Courier New" w:cs="Courier New"/>
        </w:rPr>
        <w:t>703ae5e5e59ca94a2727a7c6c646ad564baf2ff1f4f484723403060cd8b06103153b6d6969812a9fe88da378fcfdfd390bc2ffddcc9b378ff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c88d4cca1f3ecd933ac9b3379d53a67c0562a95b22f48347979798842f72e5dba086e436598e2b211ef6c999f9f8f88f428148acccc4cfaf12f5ebc60d42fa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56a1241a7</w:t>
      </w:r>
      <w:r w:rsidRPr="005B592D">
        <w:rPr>
          <w:rFonts w:ascii="Courier New" w:hAnsi="Courier New" w:cs="Courier New"/>
        </w:rPr>
        <w:t>828202846a1f7988e2e4c9938cb065c78e1d4b4b4bd9f1060a68f247111d1dcd5efcfdf4d34f841378f1e205672cc4c3c3c328e199a3478ff24d5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291848585092eb32571d5b97efdbab0c129d022b0ec1c537a7a3aa3a443a40e5b1b80733d0100282f2f2734cc442097cb3943d04e4e4e7abdfeca952b56565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3a74f</w:t>
      </w:r>
      <w:r w:rsidRPr="005B592D">
        <w:rPr>
          <w:rFonts w:ascii="Courier New" w:hAnsi="Courier New" w:cs="Courier New"/>
        </w:rPr>
        <w:t>fff1c71f29d919b8ab6624db603bfb891327f8dec8cbcb2b3c3c3c2a2aeac489139f7df699b1fd110c6432597070f0debd7b636262bef9e69b55ab56f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56c537737fa6ac3c7c7a7a5a5c56030502557a5a5a531313123468c78ebadb70000e9e9e9ecb646994c26c68d9d62f1e2c56f5a64021014f1d11159f605003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8</w:t>
      </w:r>
      <w:r w:rsidRPr="005B592D">
        <w:rPr>
          <w:rFonts w:ascii="Courier New" w:hAnsi="Courier New" w:cs="Courier New"/>
        </w:rPr>
        <w:t>0c1a8d66ebd6ad9cd96b06e4892783c1c0b969767373236fe94c4d4dedd5ab17df643c3c3c042f266a6b6bb186a8d84a112c5aad162d22b26ad52aad56abd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92a2a2ace9c39c3581328140a28fc4fc2c3870ff9de4b2e97630b41cacbcbd9ad22e6e6e6509409511ed8ab57afacac2c9d4e77efdebda54b97b2cb6e3ef9e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3a34e5a464606e70a3228288824a2505b5bbb71e346440268f5ead57c629d24607b8cd19d9c84a065c41c1c1c2e5ebc585f5fafd3e9727272d6ad5bc7c847b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8b8e4e6e68a9c431bdceb090080c16048484810f36cf6f3f34b4c4c64bbd1c3a522bd18bb5bb76eefbfff7e4c4c0c546e484d4da596fc6e6e6ed058044a</w:t>
      </w:r>
      <w:r w:rsidRPr="005B592D">
        <w:rPr>
          <w:rFonts w:ascii="Courier New" w:hAnsi="Courier New" w:cs="Courier New"/>
        </w:rPr>
        <w:t>47f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d80ba96f42c26555cadd56abffffefb77df7d973a0394e0377b533b6cd8b0d8d858acf9210247474791a5707f5b5a5a5aaaf9696868c8caca22f477b5b4b4b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7ef5e6363236240ba63dcab57af9e3d7b969f9ffff0e1c3e4e4e4b367cf7efcf1c7bebebe58a53f0aa3962fcdcdcd9c4b0a954ab57fff7e741f7556</w:t>
      </w:r>
      <w:r w:rsidRPr="005B592D">
        <w:rPr>
          <w:rFonts w:ascii="Courier New" w:hAnsi="Courier New" w:cs="Courier New"/>
        </w:rPr>
        <w:t>56d6fcf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311c50753a74e15566908c1ca7b98aa6b1f1b05e9d0a143f7eedd39f72ac686cdaf5fbfce27792e97cb376fde5c5353c37e556d6dedf1e3c7d95101954a450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65ebc788168ae51a954ff65ef4ca39ab8da383e5958625915049155114150044459ea8ea0450554a81ab0826d81c362d5227a38e80bd85a1550</w:t>
      </w:r>
      <w:r w:rsidRPr="005B592D">
        <w:rPr>
          <w:rFonts w:ascii="Courier New" w:hAnsi="Courier New" w:cs="Courier New"/>
        </w:rPr>
        <w:t>a15a914545a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0a002a2685111f4b02fa506b4080262826527c4249064de0ff7bc73d2244c0688aded3bbf4f617297996126f3ccbdcffdff353535c5ef772291383903ccfaf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a7b7b7bf18ee6cf9f7ff3e6cdf1962bb7b7b7272626a248216b6a6a22d6489326393979bcf6016bd7ae9d6217300c575555a15f9f442251</w:t>
      </w:r>
      <w:r w:rsidRPr="005B592D">
        <w:rPr>
          <w:rFonts w:ascii="Courier New" w:hAnsi="Courier New" w:cs="Courier New"/>
        </w:rPr>
        <w:t>5b5b5b5f5f5ffce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5502818cdf070d019379e003099ccd8d858749d10891008043064f7e0c10391dffab4b4341886258e7f4c9f3e7dcf9e3dc78e1d43ee34202f3330303009bdc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f80152b56c030dcdfdf8fbc27393b3ba7a4a4787b7b4b7cf5c9c8c880c5446fd4d5d54172dce4cc5d35353583838385278ffe651415</w:t>
      </w:r>
      <w:r w:rsidRPr="005B592D">
        <w:rPr>
          <w:rFonts w:ascii="Courier New" w:hAnsi="Courier New" w:cs="Courier New"/>
        </w:rPr>
        <w:t>15292b2b2b2b2bab4a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d4d0dbb593c9148044ef418515656068b90151414b058748a6060603051672c8140101d1d2d315eb1b3b34b4b4b6b6f6f67b3d93c1e8fc7e3bd7fffbeb3b33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333d3cbcb0b659ac0cccc2c2f2f6f8a921b5265a46565b6949e9e3ed1f30c989cd5787171318abe8e9191d1fefdfbd3d2d20a0b</w:t>
      </w:r>
      <w:r w:rsidRPr="005B592D">
        <w:rPr>
          <w:rFonts w:ascii="Courier New" w:hAnsi="Courier New" w:cs="Courier New"/>
        </w:rPr>
        <w:t>0bf3f2f2ce9e3dfbc5175f4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c2db2b0b0a8afaf176e596a12a20872727253b102e67038070e1c907895ce9933272828e8f2e5cbf7eeddbb7fff7e4e4ecef1e3c75d5d5d51ec63141515a95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a4c169c4b75383a74e8d0d47be1f3f952271f2562646434f5d9161c80947802d0dbdb7bfefcf909998405050521d5856d6a</w:t>
      </w:r>
      <w:r w:rsidRPr="005B592D">
        <w:rPr>
          <w:rFonts w:ascii="Courier New" w:hAnsi="Courier New" w:cs="Courier New"/>
        </w:rPr>
        <w:t>d5d4d4babbbb878787b16864999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a825fa8f156f67f0c80b0e9dab56be04f229188920a07242e68349a70d219083200c26ac152d1d1d1397ffefc84546fff89c4c6c64efabff3f722d1060c0b8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d8de39927512894b973e73a3a3adadbdb1b1919a1cb5f42101410103051910989003b18145c5c5ca6de0b0cc32c160b</w:t>
      </w:r>
      <w:r w:rsidRPr="005B592D">
        <w:rPr>
          <w:rFonts w:ascii="Courier New" w:hAnsi="Courier New" w:cs="Courier New"/>
        </w:rPr>
        <w:t>8b819908478f1e9d748f0d0d0d5874a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0707272121fb1673018d8dfc428140af6991a14eedcb983651a0e9d65cb9689c44693068b1dddd4a72001959595e8ceabe2cc9e3dbbb1b15126bde3c0308c4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f78c68c1981818120d7212f2fafb4b474686808a5bc9595555454545757d7d3a74fb76fdf1e1010d0d4d404de6f</w:t>
      </w:r>
      <w:r w:rsidRPr="005B592D">
        <w:rPr>
          <w:rFonts w:ascii="Courier New" w:hAnsi="Courier New" w:cs="Courier New"/>
        </w:rPr>
        <w:t>1c1d1db5b4b40a0a0adebd7b27b5dffdfbf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34d2a2525a57dfbf6292a2a72381c028100c3300441040281cbe5b2d96cf0fc269148300c0b0402e1164824526f6f2f78391baf1775757537373732990c9a9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88140505252021d811d2091487272722323236363631004eddcb9b3b8b8f8d2a54b223b20426969298bc55a</w:t>
      </w:r>
      <w:r w:rsidRPr="005B592D">
        <w:rPr>
          <w:rFonts w:ascii="Courier New" w:hAnsi="Courier New" w:cs="Courier New"/>
        </w:rPr>
        <w:t>b0608195955545450591488c8c8ca452a97d7d7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535352e2e2e313131d5d5d5757575288d6869692d5bb6ccc5c5c5c3c3638ac6adff085a5a5afeee5d982458ac1c24b270e1c2a2a2a2a8a8a82b57ae8c8e8e0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fc566b35b5b5b5b5b5bd15b9093935bba74696868e8b66ddb2631b222c2e8e8684343037a19a9ee9118</w:t>
      </w:r>
      <w:r w:rsidRPr="005B592D">
        <w:rPr>
          <w:rFonts w:ascii="Courier New" w:hAnsi="Courier New" w:cs="Courier New"/>
        </w:rPr>
        <w:t>99366ddad1a347b76ddb06ee2ca9686b6b1f3c78702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bdd2d2d2d9f3c79121d1d7de5ca15f4fb571c3939b9afbffe3a3a3a5a7cfe455b5b3b3c3c3c3434546a23b6b6b63ffcf0038a391c765c5d5d4b4a4ae2e2e2f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3f37b7b7b275addccccccdfdfdfd7d71765e8624230188c972f5fa21450545434373797495f4b97</w:t>
      </w:r>
      <w:r w:rsidRPr="005B592D">
        <w:rPr>
          <w:rFonts w:ascii="Courier New" w:hAnsi="Courier New" w:cs="Courier New"/>
        </w:rPr>
        <w:t>2e8d8888c06e32bc70e1c2d4d454748b739c094190f810e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3f928efd90c06a3aeaeaea6a6a6babafaf9f3e7743a5df8ce373030b87fffbe8989c9679f7d565454141c1c7ce6cc191289141a1a9a9898989e9eeee3e3e3e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92955ce0c82207f7fff0b172e80cf9d9d9d0402414f4f6fbcc22c164b5151515ce7bba9a9c9</w:t>
      </w:r>
      <w:r w:rsidRPr="005B592D">
        <w:rPr>
          <w:rFonts w:ascii="Courier New" w:hAnsi="Courier New" w:cs="Courier New"/>
        </w:rPr>
        <w:t>dada9acbe58e57d1c2c2a2a6a6065dab55223d3d3d2a2a2aa06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757979797577979b9d45a376edcf0f4f43c79f264787838381b3c1ecfd7d7372323232323834aa5d268346767673a9d8e54515050d0d5d5353636b6b6b6fef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34fedecec50b41660189e8473cac74c7272f2afbffe8a9ed2f5b101c3f0d8d898b7b7f7</w:t>
      </w:r>
      <w:r w:rsidRPr="005B592D">
        <w:rPr>
          <w:rFonts w:ascii="Courier New" w:hAnsi="Courier New" w:cs="Courier New"/>
        </w:rPr>
        <w:t>14974a353434242525ddbd7bb7b3b31363153d3d3d3737b7ddbb775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b5bcbea4a181c1c0c0d0d65b1581275f4c1c17ef3cd37ab56ad9249771004e5e4e4848585b5b7b7a394515050d8b973e77ffef39f298e2e203c7cf83026260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8734a2dacaeaebe6bd72e3f3f3ff424b3848484c8c8c8e1e161f1af545454d6ad5b</w:t>
      </w:r>
      <w:r w:rsidRPr="005B592D">
        <w:rPr>
          <w:rFonts w:ascii="Courier New" w:hAnsi="Courier New" w:cs="Courier New"/>
        </w:rPr>
        <w:t>e7efefbf66cd9aa99b308bd0dddd9d9d9d9d9b9b5b5d5dfdfefd7b9492f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2f26666662e2e2e1b376eb4b5b5c59e1b8485c6c6c69898180882245e8a636363bababa71717132bcbb4f9c3871e4c81191285c041d1d1d3f3fbf6fbffd565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55556fde240c2f104c8f602890b376fde5cbc78318a240b020cc3bb77ef46a6</w:t>
      </w:r>
      <w:r w:rsidRPr="005B592D">
        <w:rPr>
          <w:rFonts w:ascii="Courier New" w:hAnsi="Courier New" w:cs="Courier New"/>
        </w:rPr>
        <w:t>3cadadadb3b3b3e7cc99e3efef8f2c40dab163474a4a0a8542494e4ef6f2f27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bf6adadad2d9bcd1eafcdb973e7ae59b3e6ead5ab1c0ec7d3d373eedcb9743afde6cd9bf2f2f2542ad5d0d0302424443c95292222c2d8d8d8d7d757643b8d4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3b1b1418927cccdcd6b6b6bb1c7139d9d9de7cf9fafa8a8282b2bd3d7d7</w:t>
      </w:r>
      <w:r w:rsidRPr="005B592D">
        <w:rPr>
          <w:rFonts w:ascii="Courier New" w:hAnsi="Courier New" w:cs="Courier New"/>
        </w:rPr>
        <w:t>dfbc79f3f4e9d3b3b2b29a9b9b67cd9a65656505527bc6ab3e7ffefc8a8a8afefef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7cf9f6fdebc99c964faf9f921d1556262627070f0bd7bf7dcdddd915b223e3e1e08d4487d3cd4d5d571381c0707070882c6c6c6c864f2bf2cb6f8ff84c5623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dfaf4d1a347353535bffffefbe0e0e0e8e8289fcf271008c0d55657</w:t>
      </w:r>
      <w:r w:rsidRPr="005B592D">
        <w:rPr>
          <w:rFonts w:ascii="Courier New" w:hAnsi="Courier New" w:cs="Courier New"/>
        </w:rPr>
        <w:t>57d7cccccccaca6ac992250e0e0eb27ab944f85b82d4c1c1c1a4a4a4cb972fb7b4b420e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b0402415959d9dcdc7cc58a15542a55e62f970281a0acacecd6ad5bcf9e3da3d168223f53643279c68c199696961b376edcb2650bc6e98cb6b6b68282021a8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63030402010a64f9faeafaf6f6262626f6f3f89d4b40901c370</w:t>
      </w:r>
      <w:r w:rsidRPr="005B592D">
        <w:rPr>
          <w:rFonts w:ascii="Courier New" w:hAnsi="Courier New" w:cs="Courier New"/>
        </w:rPr>
        <w:t>4747476363e38b172f5ebf7eddd3d3c362b12008525252d2d0d03030303032325ab46891b1b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15492c13f36aaaaaae2e3e34b4a4a7a7a7a9001271289a4aeae6e6767b775eb560f0f0f3c92f82020331f232323999999209ff9fbefbfc7bee0d8cfcf0f34a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7a7f7e2c50b5892d596939313925b8e3e00b86ad5aad6d6</w:t>
      </w:r>
      <w:r w:rsidRPr="005B592D">
        <w:rPr>
          <w:rFonts w:ascii="Courier New" w:hAnsi="Courier New" w:cs="Courier New"/>
        </w:rPr>
        <w:t>56f8cf22c420782710089e9e9e12d5064b4b4b15141428148af8627da93e311315e1191b1b3b73e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c10ff261289c249c5515151300cc7c5c5a18bd59f3a750a34f5f8f16391516232999c9b9b0bff59712f353515cb8e31994c272727b0bc96c9641616164ed19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9e763432010b0582ce06afbecd9b3caca4a1a8df6ee</w:t>
      </w:r>
      <w:r w:rsidRPr="005B592D">
        <w:rPr>
          <w:rFonts w:ascii="Courier New" w:hAnsi="Courier New" w:cs="Courier New"/>
        </w:rPr>
        <w:t>dd3b1109967f135c2eb7bebe3e3737372b2b2b3b3bbba4a4e4eddbb71fc8ce4d181e8fd7d6d65658589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696969c9c9c929272e3c68deaeaeaa1a121dc2cea1fc1e0e0e0b367cfb2b3b3b3b2b2f2f3f3abaaaafef5a9667f3b7fcac70c0c0c7474741c1b1b037eb5d6d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6584479113d4d90575858582871eccec6c6a6bf</w:t>
      </w:r>
      <w:r w:rsidRPr="005B592D">
        <w:rPr>
          <w:rFonts w:ascii="Courier New" w:hAnsi="Courier New" w:cs="Courier New"/>
        </w:rPr>
        <w:t>bfbfafaf4f5b5b7bbc07ede1c387c123707474d4caca0ad91e1818585050305eda0e97cb45c42b4d4d4d453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a651e4f009a9b9be3e2e2aaaaaa366edc8834e5efef0fbe6530181e1e1ee3f5686969094e94c4a1450d0d0d205a7cf8f061b0e5c71f7f94ba3fedededab57a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6505000b605dededec07c150707070707e7</w:t>
      </w:r>
      <w:r w:rsidRPr="005B592D">
        <w:rPr>
          <w:rFonts w:ascii="Courier New" w:hAnsi="Courier New" w:cs="Courier New"/>
        </w:rPr>
        <w:t>2fe04ff1041092b2b1b1898888008f3a0a85626969b961c3062a95ba7ffffecccc4ca006218cb3b3330441cecec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00c575757a364082e5fbe7cdfbe7d12074eedededb3b2b29036cbcbcb85dffb29140a8a77338b3711e900002000494441549fcf473c6c962f5f2eb24cff03c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3300c0b040211855a23232364c91c9b</w:t>
      </w:r>
      <w:r w:rsidRPr="005B592D">
        <w:rPr>
          <w:rFonts w:ascii="Courier New" w:hAnsi="Courier New" w:cs="Courier New"/>
        </w:rPr>
        <w:t>cd3e7dfab4c4b341a150d0277d376cd800560382998befbefb4ea46b2693999b9b1b191919101040a5525d5c5c4052b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eaeee850b17c0d978fcf8f1240e0a07070707076712fc299e60b158206702251973f1e2c5605203c0e170e6cf9f4fa1506834dad0d0d024a633ededed6fddb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53284b877ef5e79797960032827</w:t>
      </w:r>
      <w:r w:rsidRPr="005B592D">
        <w:rPr>
          <w:rFonts w:ascii="Courier New" w:hAnsi="Courier New" w:cs="Courier New"/>
        </w:rPr>
        <w:t>2707a60fdcdddd0f1d3af4e5975f9697978b1c06a28e0504a68491793c71fdfaf5a0a0a073e7ce01bf312d2d2d229148a15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0e69d88023c9d4e8f88884097fc930848986868682091485f7df595709bc5c5c5262626126b21ff386d6dedfefe7eec07858383838383331544f527d0cd8d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bd6ad43ca777575292828c4</w:t>
      </w:r>
      <w:r w:rsidRPr="005B592D">
        <w:rPr>
          <w:rFonts w:ascii="Courier New" w:hAnsi="Courier New" w:cs="Courier New"/>
        </w:rPr>
        <w:t>c5c5c1304ca552b13f2f555454dcdddd0b0a0ac4a742190c0658461c1212a2a4a44426932f5fbe2c6ca3656f6fdfd4d4245cb1b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6163c4a2b2b2b455a93613c313434f4f0e14324d98d44224546464647474310646b6b0b143c838383c52b7677779f3a756ad1a245134a6a8b8c8c8461f8f4e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32b56ac40e2adb76fdf</w:t>
      </w:r>
      <w:r w:rsidRPr="005B592D">
        <w:rPr>
          <w:rFonts w:ascii="Courier New" w:hAnsi="Courier New" w:cs="Courier New"/>
        </w:rPr>
        <w:t>4a953d862068d3a64d588e080707070707472688c613090909581e75c9c9c9a07c4e4e0e90aeba74e912c6c7a49e9ede912347dadad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0762b2929c9c0c08046a3ad5bb70efa9f805a5a5a1ad0aeb6b2b21211926332999a9a9a6a6a6ae20a7d328c27bababa0e1e3c08d4f1b66ddb46a3d1601806f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3797979595959a6</w:t>
      </w:r>
      <w:r w:rsidRPr="005B592D">
        <w:rPr>
          <w:rFonts w:ascii="Courier New" w:hAnsi="Courier New" w:cs="Courier New"/>
        </w:rPr>
        <w:t>a6a62822f0a3a3a30f1f3e0c0808c09ed49d979707c3704040407b7b3b684458a71c858484042c47848383838383231344e389172f5e605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c86d8d5a7a7a77774748c8c8c989a9a4aad4522917c7c7cb0d837c330fce8d1a39e9e9e9494140882747575c1f290e6e6e6dbb76f0b9bd3d0e9f4cacacaaea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e0303035353</w:t>
      </w:r>
      <w:r w:rsidRPr="005B592D">
        <w:rPr>
          <w:rFonts w:ascii="Courier New" w:hAnsi="Courier New" w:cs="Courier New"/>
        </w:rPr>
        <w:t>53a08d01721201329fef60301877eedc0119f5a5a5a51004191a1ab2d9ecdf7efb0da3d4daebd7afd7ae5d8b252c005eedb5b5b54f9f3e05759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53428a8a8a808cf49e1e0e0e0e0e07c6824e86d4746464a7d62ad5fbf1e86613e9f0f3cb8c1983f3a060606587c844560b158c0e7864aa57674748817a8a9a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1979797</w:t>
      </w:r>
      <w:r w:rsidRPr="005B592D">
        <w:rPr>
          <w:rFonts w:ascii="Courier New" w:hAnsi="Courier New" w:cs="Courier New"/>
        </w:rPr>
        <w:t>9393034b3781a495b02fd107cac7e47038e5e5e540313e29290986e109ad22e3f3f9616161524f1af4bfc5a28805b9abababd42a32b4e4c6c1c1c1c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1c182847882cfe71f3f7e5c434303e589e5eeee8e947ff2e40916af6da08b3009dadbdb4196a88a8a0a306e167e727775752524245cbc7871dab469f2f2f23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df4</w:t>
      </w:r>
      <w:r w:rsidRPr="005B592D">
        <w:rPr>
          <w:rFonts w:ascii="Courier New" w:hAnsi="Courier New" w:cs="Courier New"/>
        </w:rPr>
        <w:t>536262a2f0dbf9078a2702030341753737b7c91d170cc3dedede52cfdb82050b844d0e85135c809c9170616d6dedb367cfe2b21338383838387f3112fc3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844e2a14387fcfcfc68341a9d4ee772b9cacaca1a1a1a252525c8380458da00888a8a1a1919417f28aaababdbdada8a6c8461786060804ea72b2a2aeaebeb8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7b96a6060e0e0e0d0d6d6363c3c7ce0c081ad5bb706050521ca0db367cf0e0909a1d3e97bf7ee8561d8c9c9c9d8d8187d67a6c89b376f4e9c388148823a3a3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2141e1a1aeaeaea229148b367cf16f7aa59bf7e7d4646067a774d4d4d376edc406cac858f2e2c2cccd3d3b3a5a5a5afaf4f2010cc9a356bf9f2e528f21e38</w:t>
      </w:r>
      <w:r w:rsidRPr="005B592D">
        <w:rPr>
          <w:rFonts w:ascii="Courier New" w:hAnsi="Courier New" w:cs="Courier New"/>
        </w:rPr>
        <w:t>3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83838381f8871fdc066ce9c3973e64ce12d3c1e0f7cd0d5d5ddb3670ff8dcdada5a515121b59b81818163c78e017f2f20355d5a5a5a535343a3d1868787894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29191d19e3d7b42434325cabe86878773b95c5555550f0f8f850b178acb40f5f7f78f8d8df178bcbebebe0f1d4fe8e8e8040404cc9933e7c18307fafa</w:t>
      </w:r>
      <w:r w:rsidRPr="005B592D">
        <w:rPr>
          <w:rFonts w:ascii="Courier New" w:hAnsi="Courier New" w:cs="Courier New"/>
        </w:rPr>
        <w:t>fae3f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e3299cc989898f4f4f4fefe7e20b26b6f6fbf7af56a3b3b3b600bf9ead5abd4d4542c3d5ebf7e1d892756ae5c79e2c409f0d9c5c565c992254b962c91c561e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0e0e0e0e04c01ec4319070e1c005580e936e0eeddbbd8fb525454545555a55028e32d9b8c8f8f9fdc30cbd0d0506666e6cf3fffdcdbdb2bf29588</w:t>
      </w:r>
      <w:r w:rsidRPr="005B592D">
        <w:rPr>
          <w:rFonts w:ascii="Courier New" w:hAnsi="Courier New" w:cs="Courier New"/>
        </w:rPr>
        <w:t>39b838161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693d3b34267efdebd12bb2393c9aaaaaa1a1a1ad82d70d4d4d410a5d8a1a121c457652a1ecd3838383838383204935f390441af5ebdba76ed1a04414422d1c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707d92ed53759180e87c3e170500a1c3f7edcdddd1d2cc814a1afafafb6b6562010488c45482412909bacafafe7f17848197979f996961674</w:t>
      </w:r>
      <w:r w:rsidRPr="005B592D">
        <w:rPr>
          <w:rFonts w:ascii="Courier New" w:hAnsi="Courier New" w:cs="Courier New"/>
        </w:rPr>
        <w:t>0f622693f9cb2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f2828284cc2aad8d1d15162b052525272eedc3989b5783c1ebadbbb386c369bc160004f511515151f1f9fa8a8280882323333f7eddb871bdbe0e0e0e0e0fcf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08c3bdcdcdc40f9cd9b370b6f47062d64c578ae13151515c20adc1f03eaeaea123528391c0e58f721431e3c7880b4dfd6d686f8b663b1</w:t>
      </w:r>
      <w:r w:rsidRPr="005B592D">
        <w:rPr>
          <w:rFonts w:ascii="Courier New" w:hAnsi="Courier New" w:cs="Courier New"/>
        </w:rPr>
        <w:t>f6c0c1c1c1c1c1f9d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07a423f7efc383f3f1f7c0e0a0a12feeaf5ebd7b27d70debe7d3b2c2c4c3c74d0d6d65650504072383e06b4b4b428148af8f63b77ee949595c9b6af57af5e0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92f08828c8c8ce2e3e3810ddbd9b36777ecd801862efe3fe9ebebababab7bf9f22583c1e8edede572b92412894020a8ababcf9a35</w:t>
      </w:r>
      <w:r w:rsidRPr="005B592D">
        <w:rPr>
          <w:rFonts w:ascii="Courier New" w:hAnsi="Courier New" w:cs="Courier New"/>
        </w:rPr>
        <w:t>6bdebc798b172fd6d1d19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8518700144d3ed01ecacbcb63d145edefef6f6868a0d1689d9d9d030303c0a17bdab469dadadabababa16161616161612afb7a9c066b369345a73737347470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3c160b3d90281804c262b2929e9e8e8181b1b9b9a9a1a1b1b639f9b1b1b1b431fe7433f1b52ff110402617474544e4e0e7d12</w:t>
      </w:r>
      <w:r w:rsidRPr="005B592D">
        <w:rPr>
          <w:rFonts w:ascii="Courier New" w:hAnsi="Courier New" w:cs="Courier New"/>
        </w:rPr>
        <w:t>73122d4f0e1289047eac80f5a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413452010d0cbf0783cc49c5d22e0f462bc12fef8e38fbababab6b6b6376fdef4f7f773b95cb0ae1e78a69b99992d58b060e6cc99d8757bb95c2ecab7528f6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a9787087c3e1ffd89402693d16ffc89ee1e7a83300c8f8e8ea2549fd0d101babbbbababab9b9b9be9743a93c9e4f178f2</w:t>
      </w:r>
      <w:r w:rsidRPr="005B592D">
        <w:rPr>
          <w:rFonts w:ascii="Courier New" w:hAnsi="Courier New" w:cs="Courier New"/>
        </w:rPr>
        <w:t>f2f29f7cf2899696d6bc79f36c6c6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c0d0d27daa6d4c39c1c648c6ffc408c128220474747272727643b107192ed3e555555151515099b7602343434343434582c966cbb9b0a868686e299a1300c5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87041e67dddbb770f59a10a41d0962d5b56ae5cf9e4c993969696d4d4548c5216ff268686868a8a8a7273731f3d7a</w:t>
      </w:r>
      <w:r w:rsidRPr="005B592D">
        <w:rPr>
          <w:rFonts w:ascii="Courier New" w:hAnsi="Courier New" w:cs="Courier New"/>
        </w:rPr>
        <w:t>d4d7d78752524949c9c4c464fdfaf5beb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e1273754747473ffffc73a979369380cfe72b2929e5e7e7a32cba191c1ccccccccccfcfafa9a901d93f128b1189444343435757572f2f2f3b3bbba98fd5959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7676464141515b5b7b7a3fcb8c8c9c9cd9b376fd3a64dbb77ef96aa592710087c7d7d2b2b2b251ae74a3d1bc9</w:t>
      </w:r>
      <w:r w:rsidRPr="005B592D">
        <w:rPr>
          <w:rFonts w:ascii="Courier New" w:hAnsi="Courier New" w:cs="Courier New"/>
        </w:rPr>
        <w:t>c9c9f1f1f1201c1caf0b0e8763686878f5ead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9ad63fa40ff62168bb565cb96d8d85808828844627878f8ddbb77c5977121f0f97c4545c5ab57af9a9b9b4b2cc0e572a9546a6363e378fb09c3f0fbf7ef636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385fd07c4e9ebeb2b2c2cccc9c9292b2b1b1c1c1caf189148545252b2b5b5ddbe7dbb9797975425432693</w:t>
      </w:r>
      <w:r w:rsidRPr="005B592D">
        <w:rPr>
          <w:rFonts w:ascii="Courier New" w:hAnsi="Courier New" w:cs="Courier New"/>
        </w:rPr>
        <w:t>e9e2e232303020f1f2e372b9e6e6e659595928214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848487171b1c46088cfe7532894acac2cec09f5274f9ebc78f1e2786a05232323542af5d8b163185b43bf7a2108e270380e0e0e972e5d221289120b343636e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ab58bc7e3891700617a7a7a3a62858dce7fd93bf77828b3ff813f8c2186959097112969cba5a24d89</w:t>
      </w:r>
      <w:r w:rsidRPr="005B592D">
        <w:rPr>
          <w:rFonts w:ascii="Courier New" w:hAnsi="Courier New" w:cs="Courier New"/>
        </w:rPr>
        <w:t>d2655b526db5952eda8a5248a5cba6f6552a542e958d6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ee9aa58a50bca96b4ac91282c5e95d0486cc675d67576cc787e7f3cbfdffce63bf33ce7397321f9fdde7f3173cee79cf33ccf3ce773cef95c582c564a4acae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78f73737301e7e3aaaaaa3366cc58b870e1faf5eb4d4d4d6124930e533afef9e79fc3870f939f</w:t>
      </w:r>
      <w:r w:rsidRPr="005B592D">
        <w:rPr>
          <w:rFonts w:ascii="Courier New" w:hAnsi="Courier New" w:cs="Courier New"/>
        </w:rPr>
        <w:t>773434340896bf818181c25f019e7b015f7df595bdbd3dfcf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64190e9d3a7bf7dfb56243c547f7f3f961e6ce8e0e5e5257eb9245526545454a64c9982ebd5228caaaa6a6565a57043d85b0c41107d7d7d41b4abff2394959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d9c3953d2fba5adad7debd62d71691c0e87e8fd2e3b341a0d370e1b46414101e4fb459875</w:t>
      </w:r>
      <w:r w:rsidRPr="005B592D">
        <w:rPr>
          <w:rFonts w:ascii="Courier New" w:hAnsi="Courier New" w:cs="Courier New"/>
        </w:rPr>
        <w:t>ebd66171e4a483c964fafafa4aaa91686a6a4645457575750124f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83c2cfa9c1457a3b4b41430130b73edda3549873c70b778f5ead58256cacbcbf5f4f448ab60a9fe7081316f9f3c79b270401a71d2d3d3714dd0c0d8dada969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4802f239bcd065b6b91c6f27172720254575151292f2f07f7410097cbb5b2b2020fca</w:t>
      </w:r>
      <w:r w:rsidRPr="005B592D">
        <w:rPr>
          <w:rFonts w:ascii="Courier New" w:hAnsi="Courier New" w:cs="Courier New"/>
        </w:rPr>
        <w:t>d4d414fcc40a43faf42208a2a8a8989b9b4b24212f2f8f48d5c0ea0ac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c83c9cacafafaebafc13d11415b5b3b2929495ec3948ee3c78f93eb1398192682200a0a0a2229b0fdfdfd619ac1f42c2c472824b6b6b6d5d5d5223d11396af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c884f4ecf9e3dc3f28643e2e0e0505e5e2ed00cc060e9c1041416160aa684cb97</w:t>
      </w:r>
      <w:r w:rsidRPr="005B592D">
        <w:rPr>
          <w:rFonts w:ascii="Courier New" w:hAnsi="Courier New" w:cs="Courier New"/>
        </w:rPr>
        <w:t>2fc33c49c383a8a82898f86944ac5ab54ae4d1e27038161616520b0443348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2994c0f0f0fa997cba3478f96eea6474545c9723a666565555a5a4a249cc7e3cd9e3d1b509de86ab4b7b7432a88616161528c7ae06ef19a356b841bba75eb1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9152d2d2ddc2c3ffdfdfdc2bbbfb8282a2a666464100db3b1b171c3860d52</w:t>
      </w:r>
      <w:r w:rsidRPr="005B592D">
        <w:rPr>
          <w:rFonts w:ascii="Courier New" w:hAnsi="Courier New" w:cs="Courier New"/>
        </w:rPr>
        <w:t>8f8542a1ecdcb9b3bbbb9b483ea93e41ea2b27477d023c790b78f4e811a440d2a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763d5aa554412180c06e0348442a130180c701f5a5b5bb76ddb06332e5c5c5d5dc53d1ca51ba61440e91302bf471a8d26c84a855d3b984c1f0882383838a02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aefde3d98631e6d6dedcb972fe32a95f029c70601131313f14ef2f9fc</w:t>
      </w:r>
      <w:r w:rsidRPr="005B592D">
        <w:rPr>
          <w:rFonts w:ascii="Courier New" w:hAnsi="Courier New" w:cs="Courier New"/>
        </w:rPr>
        <w:t>eaea6ac89fb4a5a5655b5b1b97cb855445d5d5d585f5b9fafa7ac1b4eaeded4d7a1f8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7a74f9f96fe9efd0fa6a6a6555555029983af4fe4e6e60a2c6a65c1cbcb0bf0f617a1a7a7c7cdcd4df646757575737272709b905a9fd8b469134cd3478e1c8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cac0883a64fa0288ae51906e3ecec2c3eef262727935604ec6d14</w:t>
      </w:r>
      <w:r w:rsidRPr="005B592D">
        <w:rPr>
          <w:rFonts w:ascii="Courier New" w:hAnsi="Courier New" w:cs="Courier New"/>
        </w:rPr>
        <w:t>151549baa8c565c9922544fb1f434a9fd8b76f1fcc70b66fdf0e29107ea2fdfdf7df7125c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84fe4e4e44c993205a60300264c9800ce6bf199f509ccee0f035b12d5d7d79f3f7f1efefc52454505d3c757af5e0d2e49a3d19e3e7d4ad493aaaa2a1a8d26f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0e5cae6cd9b01172d34349454c28d1b375014cdcece86b7a6</w:t>
      </w:r>
      <w:r w:rsidRPr="005B592D">
        <w:rPr>
          <w:rFonts w:ascii="Courier New" w:hAnsi="Courier New" w:cs="Courier New"/>
        </w:rPr>
        <w:t>d1d6d68e8989c1a690d4d454c1e7c29baec39863c78e4979b7c458b0600196d10d1d747d222b2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b8e2ebeb366cd8239fbe8eeee16fe21cb089d4ec792eb8a209d3e11161606d3a88f8f8fb40fcea0ea132d2d2d969696a41545365ababbbb85830ee3b274e9d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ece4edc015ebf7e5d8eb6baebd7afc7cd463474f40936</w:t>
      </w:r>
      <w:r w:rsidRPr="005B592D">
        <w:rPr>
          <w:rFonts w:ascii="Courier New" w:hAnsi="Courier New" w:cs="Courier New"/>
        </w:rPr>
        <w:t>9b6d62620233963163c6343535c1c8849f681d1c1c783c9eb80459f48994941479dd415d5dddc2c2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987292950fac48e1d3b0415d4d4d4acadadb1a4e112f1db6fbfa1285a5e5e0eb60101afb3793c1e38b8f56092909000eeaabdbd3da0baaeae2ef6945fb8704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2a68d8d8d67cf9e3d72e448c12758caf8e14d4141</w:t>
      </w:r>
      <w:r w:rsidRPr="005B592D">
        <w:rPr>
          <w:rFonts w:ascii="Courier New" w:hAnsi="Courier New" w:cs="Courier New"/>
        </w:rPr>
        <w:t>817c8de9ae5cb982491e4c7d82c964ca65674218272727702e3a1e8fb778f162f936eaecec8cdb90a4fac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f7ffc01735bfdfcfc24cab727c260ea13288aa6a7a7935634323212de9a260d954ba7d33f7efc883bbac2c242594e0071c1d2108a3074f40981bf210cf0860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013ed9d3b77c42548ad4f9496964a31ab0298</w:t>
      </w:r>
      <w:r w:rsidRPr="005B592D">
        <w:rPr>
          <w:rFonts w:ascii="Courier New" w:hAnsi="Courier New" w:cs="Courier New"/>
        </w:rPr>
        <w:t>316306d18d18507d82dc26cbc6c626262606fbbba7a7a7b8b858f0958585456d6d2d69f20e0441582c168220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64d8a8e8e6e6b6babaeaebe71e346474787483170e8680a853277ee5c068341a3d14e9e3ca9a9a90976ac4210445959f9cd9b37212121000b765555d5d0d05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575755269aaaaaa0c06e3d75f7f555353</w:t>
      </w:r>
      <w:r w:rsidRPr="005B592D">
        <w:rPr>
          <w:rFonts w:ascii="Courier New" w:hAnsi="Courier New" w:cs="Courier New"/>
        </w:rPr>
        <w:t>036b36140a65fefcf9797979229f63a6f27a7a7a8686869841495b5b1bb8510c2d2d2d1d1d9daaaa2a04416a6b6b6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b6b85bfb5b6b68611f245939c9c0cf6559342e0e6cd9be5281086c0c0c08f1f3fca57666666e6a54b970411d9c5b974e9d2a3478fe4dbe8c3870fa3a2a2643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92a2f2f77737323bdadab57af0e08</w:t>
      </w:r>
      <w:r w:rsidRPr="005B592D">
        <w:rPr>
          <w:rFonts w:ascii="Courier New" w:hAnsi="Courier New" w:cs="Courier New"/>
        </w:rPr>
        <w:t>0890d429ee33b264c99275ebd625252501cad4d5d5252626eedebd1b41102e974baa4f1c387060cc9831e29ff3f97c7f7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f9897b044444545ad5ab56ac8c6cacbcaca92a8f0dab56be5db81f8f878b08b0d3c288a1e3b76acbdbd5d2ed2308a8a8aae5ebd0a73f4266748b5b6eeee6ed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84c2b57aeacafaf87d9d943f0</w:t>
      </w:r>
      <w:r w:rsidRPr="005B592D">
        <w:rPr>
          <w:rFonts w:ascii="Courier New" w:hAnsi="Courier New" w:cs="Courier New"/>
        </w:rPr>
        <w:t>aca8180cc6d8b16385cb282828646767833b53505080d9aa3c78f080b4e718f9f9f96017644d4d4d369b0d29edf0e1c308c1e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c04811dab80c58b178b3774fcf871980bb869d3a6c6c6465c732d6767e78e8e0ec8fe7fa1747474181b1b03ae8f9292d2e2c58bc3c3c3939393af5ebd7afcf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1d2b4266a6a6a581eda41</w:t>
      </w:r>
      <w:r w:rsidRPr="005B592D">
        <w:rPr>
          <w:rFonts w:ascii="Courier New" w:hAnsi="Courier New" w:cs="Courier New"/>
        </w:rPr>
        <w:t>f3ef080c0c1ca056f4f5f56b6a6a702f1d93c9a4d3e903d1a881818188639144fb132d2d2da43bfc0882383a3acafe780ff2fe048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27ffffd37a915bdb1b1f1a74f9f5014152cd888707474244a1a7cf1e245f98de63f103f601a22fb13ededed1239b0181818c01c7948ba704f4949119120ddf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47c7c3c7ca3f0989a</w:t>
      </w:r>
      <w:r w:rsidRPr="005B592D">
        <w:rPr>
          <w:rFonts w:ascii="Courier New" w:hAnsi="Courier New" w:cs="Courier New"/>
        </w:rPr>
        <w:t>9a0ab234c8324c78a0ce3b50146d6868f0f5f5b5b4b41c3972e4d8b163d7ac5973f3e64decf97670708069292626465c6c4e4e8eb0212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cf92b8aa23e3e3e882459c2c1f71891449f686c6cc466b5c4c444d2c22296de6a6a6a151515e2c5ce9d3b077301314b340e87131b1b6b6767376ad42835353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3139313274ec0</w:t>
      </w:r>
      <w:r w:rsidRPr="005B592D">
        <w:rPr>
          <w:rFonts w:ascii="Courier New" w:hAnsi="Courier New" w:cs="Courier New"/>
        </w:rPr>
        <w:t>5be47db9806db9959494c4b71f793cdea14387c057153bf2181c7da2acac0cc61f9246a3b9baba5ebc78312323e3fefdfb010101901321d19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7a4d9da9c3973c2c3c3333232d2d3d363636357ac58011308282a2a4ae49a43ea13fdfdfd304b463b3bbbe6e666d99f9f81d32700a64bd5d5d5b83b0ac29c3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1a2a2a202</w:t>
      </w:r>
      <w:r w:rsidRPr="005B592D">
        <w:rPr>
          <w:rFonts w:ascii="Courier New" w:hAnsi="Courier New" w:cs="Courier New"/>
        </w:rPr>
        <w:t>6cd8aea3a383fbea4051b4b5b51526ea808686869b9bdbd5ab573333336fdfbe7df2e44998075e4747a7aeae4eb8b921a24fa4a4a490765e04181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349275a03038377efde094b90429f80bc83060606eeeeeed1d1d10f1f3e7cf0e0c1e9d3a767cd9a455a2b323252f661c20375de8120089d4e0f0f0fe772b9b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dbd54</w:t>
      </w:r>
      <w:r w:rsidRPr="005B592D">
        <w:rPr>
          <w:rFonts w:ascii="Courier New" w:hAnsi="Courier New" w:cs="Courier New"/>
        </w:rPr>
        <w:t>2a554d4d4df015a409096e88929933679a999955545460fff2f9fca6a62652513e3e3e57ae5c494b4b2b2a2a12cf813ea0040606d6d6d64e9a3469d9b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5a4851b1a1a84ffc5062b5e0cd2aa08730d555151f1f0f0707777efeaeaeae9e9d1d2d2926f4c92214b4d4d0de0c46acc9831e2ef290a8572ecd8b1c78f1f0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f</w:t>
      </w:r>
      <w:r w:rsidRPr="005B592D">
        <w:rPr>
          <w:rFonts w:ascii="Courier New" w:hAnsi="Courier New" w:cs="Courier New"/>
        </w:rPr>
        <w:t>d089f0eedd3b0441a854ead9b367dbdbdbc5df05140aa5b3b3d3dbdbbba7a7874888a1a1617070306efe171445a9542ae6421c1f1fdfd9d949240463dab46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90909c25ef5df7ffffdc183076fddba75f0e0c1e6e66640ddc4c4c4bd7bf78a3c4ef5f5f5e2fb6422e8ebeb070707bbbaba0a0fdfc3c323292969ebd6ad808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308929191e1eded0d962f02766c11141444eace606565959494a4a3a323917ca9d9bb77ef82050b7a7b7be1abf0783cc0b6998989495858d8faf5eb0112a2a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3333333c54f7e85090808209afe535252b0335000cb962d0b0f0f1779307c7d7d77edda95909000a8d8d2d2f2e4c913777777b0fcc1e7ce9d3b9256494d</w:t>
      </w:r>
      <w:r w:rsidRPr="005B592D">
        <w:rPr>
          <w:rFonts w:ascii="Courier New" w:hAnsi="Courier New" w:cs="Courier New"/>
        </w:rPr>
        <w:t>4d1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e3b25171a1a1a424343e3e2e2641172ebd62dd23bb86eddba888808e14804cb962df3f3f30b0808006f6f2727277b7b7b4bea7d4aa552838383c78f1fdfd7d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75febbfc381906a6d60c0fa26868e8e0ed12263c18205c22521fdc15c5d5d1104f1f0f080292caffd89eaea6acc049228c3880822e7d92e2e2eb8c5</w:t>
      </w:r>
      <w:r w:rsidRPr="005B592D">
        <w:rPr>
          <w:rFonts w:ascii="Courier New" w:hAnsi="Courier New" w:cs="Courier New"/>
        </w:rPr>
        <w:t>3e7cf8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3b472fcf8719846872b67cf9e055f9ffbf7efe356c45e22343c1004d9bd7b3769d3a46b324b4b4bd2fcb46c369b74a96a6868c864328924c018a09d397346a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66c6c2c69adf4f474a246838383c17575747484f75461f6275a5b5b9f3d7b46baf961676747ea490f0fccfec4eddbb7e5d59c30d8cb4a6a162d</w:t>
      </w:r>
      <w:r w:rsidRPr="005B592D">
        <w:rPr>
          <w:rFonts w:ascii="Courier New" w:hAnsi="Courier New" w:cs="Courier New"/>
        </w:rPr>
        <w:t>5ac4e7f3898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b3a3a82ab4f9b368de8e5d6dbdb4b7a22b36ddb36e12a43617fa2b2b252d8141d121a8d56565606962cc5c25d555555380898a4fb13cdcdcda4d6d980a32e1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2e912f797241da68a8a0aaef7160c52c6cdc0e8efef072f5f301c1c1c7017195d5d5d227685e9e9e9a46b380441b04922353555a2eca632</w:t>
      </w:r>
      <w:r w:rsidRPr="005B592D">
        <w:rPr>
          <w:rFonts w:ascii="Courier New" w:hAnsi="Courier New" w:cs="Courier New"/>
        </w:rPr>
        <w:t>72e5ca15369bada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dede2e2425a98c5623d7dfa54f81322bb4b3a9d0eb3f78819b4fe3f446cd9b2252828487c051f1e1ece64325fe3c164322103b2814121b242141515d5d7d78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b1c387000b0d85db66c19e98397909020b2d2cdcfcf075759ba74e992254b88be7577779f3c7932a03a9bcd96e837a8acacfcf6eddb</w:t>
      </w:r>
      <w:r w:rsidRPr="005B592D">
        <w:rPr>
          <w:rFonts w:ascii="Courier New" w:hAnsi="Courier New" w:cs="Courier New"/>
        </w:rPr>
        <w:t>43870e816d9f0d0d0d6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262248a80273b0391d100419043870e493d9071e3c645464612ad2f1b1b1b5fbe7c099600c83f3c62c488ad5bb782ab5756564a745906c166362e2e0e10419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8eeee6e52231529e8eded95252a1283c1005b67532894c3870f0342d96ed9b205dcc4eddbb7a5e898d4bf0599b20070381c915d</w:t>
      </w:r>
      <w:r w:rsidRPr="005B592D">
        <w:rPr>
          <w:rFonts w:ascii="Courier New" w:hAnsi="Courier New" w:cs="Courier New"/>
        </w:rPr>
        <w:t>7d5c88c69c9696f6fefd7be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f4a4b4bbdbcbc222323c1ce338e8e8e2b57aebc7bf76e484808cc0a4c765ebf7e8d39767a7a7a929e503c7ffedccfcf4f24535a414141454585f8224949496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3860d8585856099af5ebde2f178432dc3eaa041fa466e6f6f3f7af4686464e4a2458b162e5c6865653571e2443535356d6d</w:t>
      </w:r>
      <w:r w:rsidRPr="005B592D">
        <w:rPr>
          <w:rFonts w:ascii="Courier New" w:hAnsi="Courier New" w:cs="Courier New"/>
        </w:rPr>
        <w:t>ed419e9670c9c9c9011798376f9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7a727b8ccbe7dfb5253530109905ebf7ecd603004aea1bdbdbde21e4622804f2b7475750f1c38009875783cdedbb76fe18f1d7b7b7b5d5c5cc02f0d5d5ddde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4e481b3682142eaa084602c2c2c4e9d3a25ec750f8982824278783820445541410138738db9b93938e4cf8a152b0203</w:t>
      </w:r>
      <w:r w:rsidRPr="005B592D">
        <w:rPr>
          <w:rFonts w:ascii="Courier New" w:hAnsi="Courier New" w:cs="Courier New"/>
        </w:rPr>
        <w:t>033f7cf84054e0cd9b379d9d9df05e1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c162b2828485959597c42c2548deaea6a4851b8b0d96cc061c7e8d1a38d8c8c8874acb4b4b4808000b9a74e4c48487073739b366d9a1475495f0b4e4e4e600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57b7bfbeddbb73737371365549128cd0d86828282d4bf0599e627168bf5e9d3277019777777f1e45e0882949494</w:t>
      </w:r>
      <w:r w:rsidRPr="005B592D">
        <w:rPr>
          <w:rFonts w:ascii="Courier New" w:hAnsi="Courier New" w:cs="Courier New"/>
        </w:rPr>
        <w:t>08226f0a939898989797b760c1026b6beb7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3c6d1e9744343c39123478a5caf9f7ffe393333332e2e6eead4a9831087dbdfdf9fcd66cf9933e7c08103225f71389c9a9a9af7efdfb358acf7efdfbf78f12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f2f4f3ccb5c575797bfbfbf70102a013b76ec78f0e041767636a003151515757575e3c78f9771205f28e6e6</w:t>
      </w:r>
      <w:r w:rsidRPr="005B592D">
        <w:rPr>
          <w:rFonts w:ascii="Courier New" w:hAnsi="Courier New" w:cs="Courier New"/>
        </w:rPr>
        <w:t>e6542a95f43cafa9a92931313131319142a1181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9d9d8d8cc9c39d3cecececccc4cee0efa12f1ead52b70815dbb7691e6b8f9e69b6f6c6c6cc05b0ec5c5c5027da2a6a606bcfa993061c2dcb973c18d3a39398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787f7f7f7e32e3db95c2eae551011a42b90afbefa2a39397980f20b80c9cacae270381c0e07a6308fc7</w:t>
      </w:r>
      <w:r w:rsidRPr="005B592D">
        <w:rPr>
          <w:rFonts w:ascii="Courier New" w:hAnsi="Courier New" w:cs="Courier New"/>
        </w:rPr>
        <w:t>a3d3e94b972e8559916fdfbe3d3f3fffead5ab12f5c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bcb6bf9f2e58002a49b13cececec2b66ee2686b6bc7c6c6969494e03e7bfdfdfdcacaca124d2d4d4d4df0f9b7a4202b2b0b90d17acf9e3d743a9d28086c5d5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de3c78fd7ad5b27df2e757575858585915a298983a2e85f7ffd052ee3ecec0c2e3062c408b9efbb</w:t>
      </w:r>
      <w:r w:rsidRPr="005B592D">
        <w:rPr>
          <w:rFonts w:ascii="Courier New" w:hAnsi="Courier New" w:cs="Courier New"/>
        </w:rPr>
        <w:t>f078bcdbb76f1b1b1b43da4ff0f97c1d1d9de5cb9753281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9ec27482fe2be7dfb70a3d0747575d9d8d8c0f4954aa5aaabab5b59596106a1c24230d74d1a8df6e2c50b402765b79fc076b4b4b4b4444e953a3a3a8e1d3b3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1c204d26c5e027ef9e517dc261a1a1a48ed756fdebc09e8e4f086cbe5c2f816e242a150f4f5</w:t>
      </w:r>
      <w:r w:rsidRPr="005B592D">
        <w:rPr>
          <w:rFonts w:ascii="Courier New" w:hAnsi="Courier New" w:cs="Courier New"/>
        </w:rPr>
        <w:t>f5d7ae5d7bf3e64d293c0f653f33eeeeee063bbb6a686834343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07466fffefde0c16edcb85150f8eeddbbe0c244363d5223bbe9b89e9e9e78e21ed91908ff0e5b5b5bdc2089b870b95cdc651511e6e6e660f391bebe3ed2572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645508e90fe166484d47e0260dc4aa1508a8b8b6b6a6a00e1d1d6ae5d0b102ef5d34ba1</w:t>
      </w:r>
      <w:r w:rsidRPr="005B592D">
        <w:rPr>
          <w:rFonts w:ascii="Courier New" w:hAnsi="Courier New" w:cs="Courier New"/>
        </w:rPr>
        <w:t>50b04c0812d94f747676826daa201d1e256520fc3bccccccb077a04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b7ce0dd544f4fcfb367cfe2eaef6d6d6d8b162ddabc79b3bebe3eb889bebebeaeaeae929292bd7bf79e3f7f5ef82b1f1f9f3163c67477779f3c79528ace43d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4d474ead4290441b66ddb26bc14e37038eeeeee274e9ca8aeae86d1e30c0d0d7ffc</w:t>
      </w:r>
      <w:r w:rsidRPr="005B592D">
        <w:rPr>
          <w:rFonts w:ascii="Courier New" w:hAnsi="Courier New" w:cs="Courier New"/>
        </w:rPr>
        <w:t>f147a2679d4ea727252581a74c06832161df870f542a156c270f80cfe77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af429393979c3860df3e6cd4b4b4b835c83ca8b9e9e1e70d4323d3d3dc8e87860bd04f94f3b1b526fa921b8ddc562b14242423e772fa090c856804aa51e3d7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4bc5b20cc4f3ffd043ea7ebe8e8a8acac0414505252227d5abe2c5a5b5b0107</w:t>
      </w:r>
      <w:r w:rsidRPr="005B592D">
        <w:rPr>
          <w:rFonts w:ascii="Courier New" w:hAnsi="Courier New" w:cs="Courier New"/>
        </w:rPr>
        <w:t>0446464666666646464680f3e8dcdcdc969616b9778ccfe763312424dacbe9e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a022422471064c48811060606b85fa128ca87068530f09291fffd2d48ade6d4d7d713c5c919356a546c6c2c8c10168b05990a084190d1a3478b449cbd76ed1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6d5b973e7889a90657f82cd6663ab8aa953a78ac406c1940c48bcbdbddb</w:t>
      </w:r>
      <w:r w:rsidRPr="005B592D">
        <w:rPr>
          <w:rFonts w:ascii="Courier New" w:hAnsi="Courier New" w:cs="Courier New"/>
        </w:rPr>
        <w:t>dada48afc6bffffe1b1c1c4ce4826b606000b98a1d9674777793eefe41327dfa747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a1c6164df9fa8acac04bb55cf9d3b17329834a9e7fdf4e9d305db78a41373686828e44580442e4b1f454545f86875900cc4fec4ecd9b3e1f727308e1c3902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9c58a15a4a26a6a6ac0da8948fa46b9f079f727c0f146ddddddb162</w:t>
      </w:r>
      <w:r w:rsidRPr="005B592D">
        <w:rPr>
          <w:rFonts w:ascii="Courier New" w:hAnsi="Courier New" w:cs="Courier New"/>
        </w:rPr>
        <w:t>1e1e1e8062e249a105903ebdd6d6d644decbd8435b5c5c0cbf3f515e5e0e8e34afa3a34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498edd2a54b161616b3c998356b96adad6d41418144c39402c13b507a7d02d7fa014190f9f3e74be46dd2dfdf0f7fa6959a9a2a521d3393a452a944697ca5d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7783c1e9642495d5d5d3c6ffd77df7d07d361252525dc48f800</w:t>
      </w:r>
      <w:r w:rsidRPr="005B592D">
        <w:rPr>
          <w:rFonts w:ascii="Courier New" w:hAnsi="Courier New" w:cs="Courier New"/>
        </w:rPr>
        <w:t>fefcf3cf891327e24adbb3678f44a286195c2e9774c31f125555d5b8b838984665d727485f1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e4e4e9057203333133c2e73737341674843af422afdf0c8eb55656a6a2a5fd57988e813902fba6fbffd16e0228841fa50696a6ab6b7b7cb70cd70f8bcfa043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19de038189c321e107f8cf4e93d7dfa344023b4b0b0b877</w:t>
      </w:r>
      <w:r w:rsidRPr="005B592D">
        <w:rPr>
          <w:rFonts w:ascii="Courier New" w:hAnsi="Courier New" w:cs="Courier New"/>
        </w:rPr>
        <w:t>ef1e202090883e411ab859f8b72c026454658ccccc4c898629058277a094e71de7cf9f8f8c8c14f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05151312222223b3b5b22132d050585d3a74fc3c40853545414df03dcb973e7eeddbbfbfafadcdcdc9e3f7f0edf2e29070f1ec49683e1e1e1e2d93a20ed847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d7d250d08636f6f9f979787abaf44444490c6f91fc6</w:t>
      </w:r>
      <w:r w:rsidRPr="005B592D">
        <w:rPr>
          <w:rFonts w:ascii="Courier New" w:hAnsi="Courier New" w:cs="Courier New"/>
        </w:rPr>
        <w:t>50a9d43367cea4a6a6ca3e37f4f6f67a7a7ae29ac70e6550b96e5dca579a1ca9aaaac2aca38613f1f1f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015b680acac2cb91cfa0c9007ec6781c9643e79f284e85b5d5ddd79f3e6617fcf993307f072065b7482415174fffefd7a7a7ab8df5654545cb87001de966e3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d1d0112eb13d5d5d52e2e2ebebebee29763f2e4</w:t>
      </w:r>
      <w:r w:rsidRPr="005B592D">
        <w:rPr>
          <w:rFonts w:ascii="Courier New" w:hAnsi="Courier New" w:cs="Courier New"/>
        </w:rPr>
        <w:t>c9aaaaaa111111d1d1d1d7af5f4f4f4f7ff5ea158bc522bd70c6c6c62f5fbe4c4848c04280512814333333c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14353535370aaf2c30f3fe09aa38785852d5fbebca9a9c9d1d1515e33445050d0b973e714141442424270332deddab50bd32ea954eac48913b193330d0d0d4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29271e3c6ddbc7993342210466767e7bb77</w:t>
      </w:r>
      <w:r w:rsidRPr="005B592D">
        <w:rPr>
          <w:rFonts w:ascii="Courier New" w:hAnsi="Courier New" w:cs="Courier New"/>
        </w:rPr>
        <w:t>eff2f3f39f3c79929191515656b671e346e1806818288a7a7a7afafbfb4366111b96ac5cb9b2b0b0f0c68d1bab5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f9622b28d003e9fbf6fdf3e118fe581404545057cb0dad9d909f97221f5bc575353132c7a48e3a4c93705917cb976ed1a69982201ad0000200049444154b8f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f889c9c1c3f3f3ff8f2c1c1c1601f72</w:t>
      </w:r>
      <w:r w:rsidRPr="005B592D">
        <w:rPr>
          <w:rFonts w:ascii="Courier New" w:hAnsi="Courier New" w:cs="Courier New"/>
        </w:rPr>
        <w:t>0d0d0db0f7785f5f9f14711a862c69696980e1383838fc1779571ed5d4f56e6f02c60410826099412d53559045b5a28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002aa088682224e200bb0ea025aa402ad52b54297221410adb0f0c9e4b4045117da853208e28088531d182a0832c92841080989e1bc3fce6b5e5e927bee254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4f9db7fb1c2b9f7dc9bdce13bdf</w:t>
      </w:r>
      <w:r w:rsidRPr="005B592D">
        <w:rPr>
          <w:rFonts w:ascii="Courier New" w:hAnsi="Courier New" w:cs="Courier New"/>
        </w:rPr>
        <w:t>b7bfbd45543c030383458b16e18d64b3d964dc5f6582cfe73399ccb0b030bc0165656564f49320180c06fab1d0d3d3a3580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4c900e95c1700005cb870813ca508c3300a8542a7d39d9c9c1213136fdfbe3d383888ae13433f341b1b9baeae2ee834e6e4e474fffe7d18521c3c78106fc3c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646f822d7d2d212172c0372</w:t>
      </w:r>
      <w:r w:rsidRPr="005B592D">
        <w:rPr>
          <w:rFonts w:ascii="Courier New" w:hAnsi="Courier New" w:cs="Courier New"/>
        </w:rPr>
        <w:t>d53b0a0a0a20c1243232126fc6919111589558b56a55494909bcb7fdfcfc443a86322d4bc4d1dddd5d5c5c7cecd8b10d1b36cc9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143e2daa2502808c2d78c193320a3f83f1cf5f5f5212121e6e6e664cc266462fbf6ede829265eefe8eded451b349899998d8c8c9039dfd4d454f4e9ac58b1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498309585b8bce58362</w:t>
      </w:r>
      <w:r w:rsidRPr="005B592D">
        <w:rPr>
          <w:rFonts w:ascii="Courier New" w:hAnsi="Courier New" w:cs="Courier New"/>
        </w:rPr>
        <w:t>53a9743abda6a6462107f671fb3b868787e5e84ef2f2f242ec93cd66a353a4cacaca1285f389e323d63bd0160712fc39743980c562c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c82f0ea8522c56d6d6d78290a3424ea1d8d8d8de8972983c190f0072179821298847a87a834831be15657575fbd7a555757974ea70300868686debe7d7bebd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d3c414c2d2d2d63</w:t>
      </w:r>
      <w:r w:rsidRPr="005B592D">
        <w:rPr>
          <w:rFonts w:ascii="Courier New" w:hAnsi="Courier New" w:cs="Courier New"/>
        </w:rPr>
        <w:t>63630d0d0d55555500c0f0f0707f7fff9b376fdebd7b5751515151518161d8f4e9d3172e5ce8e6e6e6eeee2ed3d1636c6c4c4d4d2d2d2d4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747c7dcdcfcd9b3674b962c59b870a1878747464606425cf6cb2fbf3c7dfab49797575f5f1f8bc59a480b7b565616a4290404042048970c0663d7ae5ddf7ff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daa55ab962f</w:t>
      </w:r>
      <w:r w:rsidRPr="005B592D">
        <w:rPr>
          <w:rFonts w:ascii="Courier New" w:hAnsi="Courier New" w:cs="Courier New"/>
        </w:rPr>
        <w:t>5f6e6060f0faf56b5353d3d5ab57efdcb933393959a626ffe8e8e8a3478f6eddba55525272f7ee5dd197a9a4a4a4aeaeaea5a5a5aeae0eb97bd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da5b3b353e622b2b7b7f7c891237ffffd379455a05028902d1c1a1a4ab253e0f3808585c5b163c7783c5e6d6d6d4d4d4d797979656525a1268a38ae5fbfcee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0c8489e</w:t>
      </w:r>
      <w:r w:rsidRPr="005B592D">
        <w:rPr>
          <w:rFonts w:ascii="Courier New" w:hAnsi="Courier New" w:cs="Courier New"/>
        </w:rPr>
        <w:t>cb0d3535357d7d7d84474367676757571719cb4434a51fc33071423861f314a171008661434343f7eedd130a8532a35b814060666686d05cc20385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152524268736118c6e3f1a2a2a28a8a8ad0440145814aa5926fd9100a85e443d8c4c444420112695cba74e9ecd9b31b376e94f95f0d0d0d5b5b5b846df7fbf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f1b</w:t>
      </w:r>
      <w:r w:rsidRPr="005B592D">
        <w:rPr>
          <w:rFonts w:ascii="Courier New" w:hAnsi="Courier New" w:cs="Courier New"/>
        </w:rPr>
        <w:t>1b1b112b7588a6a6a6baba3a99597a0000954afde69b6fc86701d5d5d55d5d5d9594948054298d42a100006eddbad5d5d545726fe20759595989f7dfa95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73a3b3b8b7fb26cd932389dccf1959595cdcdcde372281587a1a1614848c8c4a575b5b5b55555551102d35c2eb7b6b6960c1340e190fb5ec08d279e3e7d2aa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c42a150d4d5d5793c9eb45e537676b6878707cccfc08705f452eae9e9e9ecec7cfcf8f18d1b37eedebd7bfdfaf5ebd7af4746463a3b3bbbbbbbb3582c63636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8078140e0e2e2f2cb2fbfcc9e3d7b6c6c8ccd66af5cb912ea473199ccb367cf8afb2449c3dedebea2a2223838f8debd7bab56adcac8c840f377a4c1e170a0</w:t>
      </w:r>
      <w:r w:rsidRPr="005B592D">
        <w:rPr>
          <w:rFonts w:ascii="Courier New" w:hAnsi="Courier New" w:cs="Courier New"/>
        </w:rPr>
        <w:t>d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88661414141e9e9e9e88ce2d6ad5b61d3879292526e6eeef6eddba17c505252928f8f8f4476aeb1b1f1cc993367cf9e851e5418869999992d5bb6ecabafbeb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4b4b4b5b5d5d1d11108044a4a4a7052a886999797276dc30845662e5fbe7cf9f265f1cf555555b76cd9f21f154f40d0e9745b5b5b5b5bdb6ddbb6b1d9</w:t>
      </w:r>
      <w:r w:rsidRPr="005B592D">
        <w:rPr>
          <w:rFonts w:ascii="Courier New" w:hAnsi="Courier New" w:cs="Courier New"/>
        </w:rPr>
        <w:t>ecaaa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aaaaaaaa2a2a2870f1fe23d5344e8e8e8686c6c9c3f7ffe073d3c4b4bcbfafa7abc011c0ee7f6eddb840f383e9f4fd8332c2e8f6d6161a1a2a2827860d5d4d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c0c0ca02f989b376fa2978611111184ee2ad2d8ba75aba1a121e143b9bcbc3c3e3e5e21b2e884f8edb7df3c3c3cc818086018363636a6a1a141a6</w:t>
      </w:r>
      <w:r w:rsidRPr="005B592D">
        <w:rPr>
          <w:rFonts w:ascii="Courier New" w:hAnsi="Courier New" w:cs="Courier New"/>
        </w:rPr>
        <w:t>3ff0ce9d3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29321a2a2a2e0c341e67f5d5d5d11f1048661555555687f070040505010a209534949a9b2b292fc72d6d8d8f8cc993388f8cfcdcd8d90532c8dfcfc7c446ba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9991954708122eecacacabababa7a7a7a9d9d9d32c7b3d9ec4b972e91f4dd95899090903367ce1006f768a8a9a9999999a14dfe6edcb881d6</w:t>
      </w:r>
      <w:r w:rsidRPr="005B592D">
        <w:rPr>
          <w:rFonts w:ascii="Courier New" w:hAnsi="Courier New" w:cs="Courier New"/>
        </w:rPr>
        <w:t>34fb10a0d1689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999161616d26f7999805980ff0949f1525bb0a1d6dcdc3c3131312929293d3dfde2c58b353535838383d20264d3a64debecec84e1a7959595adadad9393536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aead8d89850282c2b2b83791b0e87535d5d1d171727ca3daaa9a9050606debf7f5f62763e9fdfdcdc0cd38942a170747414ef3825d0d7</w:t>
      </w:r>
      <w:r w:rsidRPr="005B592D">
        <w:rPr>
          <w:rFonts w:ascii="Courier New" w:hAnsi="Courier New" w:cs="Courier New"/>
        </w:rPr>
        <w:t>d7073b3ca954eae6c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b070606eedfbf8f5e4930994c0e87d3d4d424225d46454591ecdf1b1b1be3f17870308fc76b6d6d9530efe17038f9f9f96bd7ae85bc5f3a9deeeaea9a9c9cf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2c50b0e87c3e7f30502c1dbb76f8f1f3f1e1717271008eaeaeabcbdbd23232321c1fb9f7ffe916e358c8f8f875a6f999999bffffe</w:t>
      </w:r>
      <w:r w:rsidRPr="005B592D">
        <w:rPr>
          <w:rFonts w:ascii="Courier New" w:hAnsi="Courier New" w:cs="Courier New"/>
        </w:rPr>
        <w:t>fbdebd7b636363adacac9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595a119f46786a2a2a2f4f4f4ff928513274e646565c9e4b10b85c2929292050b1610de0f12f940094cbcde0100209448b1b6b696684896467171317a27140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5e6cd9ba2f1a3a3a38471d2f9f3e7d19312b673c7c6c68a06934ca5ae5ebd7a747494c7e39111b5633018e227251fc8d43bf2</w:t>
      </w:r>
      <w:r w:rsidRPr="005B592D">
        <w:rPr>
          <w:rFonts w:ascii="Courier New" w:hAnsi="Courier New" w:cs="Courier New"/>
        </w:rPr>
        <w:t>f3f327388b34868686480af7e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1d2d2b2bbbb5be6ced1c1048661b366cd42b7a913b61830188c868606d1f88fe207d6d2d2f2c5175f20b6a2d1686a6a6ae2567f6a6a6ae8a5a08181417b7bb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44424eb1d1072f0e2a5f5a908bd790d0d0de18b55027979796e6e6e3e3e3e3e3e3efefefee80688f1d63b26e20746104f</w:t>
      </w:r>
      <w:r w:rsidRPr="005B592D">
        <w:rPr>
          <w:rFonts w:ascii="Courier New" w:hAnsi="Courier New" w:cs="Courier New"/>
        </w:rPr>
        <w:t>8897634590e63ceaebeb0f0d0d01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a6b6b310cdbb469537a7a3a86617ffcf10700c0c5c565f1e2c5705ba150d8d6d6d6dfdf5f5151f1e38f3fc24294b2b2b2b3b3734e4e0e97cb95ef34c4c1e3f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24343e181cd9933272626066deaada5a575f4e85148d130323252940c258fc7cbcaca12d9101818181c3c78f0cd9b</w:t>
      </w:r>
      <w:r w:rsidRPr="005B592D">
        <w:rPr>
          <w:rFonts w:ascii="Courier New" w:hAnsi="Courier New" w:cs="Courier New"/>
        </w:rPr>
        <w:t>37008057af5e3536363e79f2c4c8c8e8f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5cb838383b090565b5b0bbf767b7b7b189748dfc00c06a3bebe5e7a3ad845f259c61368d909252525e96e5e119a9b9b09fd3b26219e207c706318b667cf1ec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e0402814452571a8b162d9288bcf19aba45b0b7b74704eb65656584694ff1d730997862e3c68d22ba52595919</w:t>
      </w:r>
      <w:r w:rsidRPr="005B592D">
        <w:rPr>
          <w:rFonts w:ascii="Courier New" w:hAnsi="Courier New" w:cs="Courier New"/>
        </w:rPr>
        <w:t>a1ca3886615f7ffd355e233e4990892714ae2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9fed5f09d20f0283e83838322f6371e10c23c000042a78259b36671381cd1f88f124f48c8182a0a69696912138d2b9ee0f3f90e0e0ee39a513a9e40b7b6421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a20f7f4f4a04dfbe48827085d5ef1204f3c21adf76e6c6c3c3c3c0c00686d6dc5302c22220200606b6beb</w:t>
      </w:r>
      <w:r w:rsidRPr="005B592D">
        <w:rPr>
          <w:rFonts w:ascii="Courier New" w:hAnsi="Courier New" w:cs="Courier New"/>
        </w:rPr>
        <w:t>e8e80800080c0cfcf6db6f01000281007a83595b5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3f0b0a7a727303050941f5bb972656d6dad7c672281f0f070b84fc207a2c8fec4c4c4e4c183070a99bda1a14124afcb6030fcfcfca07aeecb972f6fdebc49a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14e9e3cd9ddddadafafcf66b347474761912c2323232c2cccd4d4d4dddd1dee47fa0636323282a19b</w:t>
      </w:r>
      <w:r w:rsidRPr="005B592D">
        <w:rPr>
          <w:rFonts w:ascii="Courier New" w:hAnsi="Courier New" w:cs="Courier New"/>
        </w:rPr>
        <w:t>04b66cd9827da6f104b49345203737176f5b322f92929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2c4ec0a892744ec5d04d4d4d410f443a8b382467a7abac4568492db189238bc66cd1af4b6743a5d3cba257c54a9a8a8bc7af54a7c8ad8d858c223c4feefa35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e7c14bff2baba3a42f6a2a7a7a7741b9704e8743ade7389d0aedac8c8a8b9b959e6b6f5f5f584</w:t>
      </w:r>
      <w:r w:rsidRPr="005B592D">
        <w:rPr>
          <w:rFonts w:ascii="Courier New" w:hAnsi="Courier New" w:cs="Courier New"/>
        </w:rPr>
        <w:t>b55109eae2478927d0e536b9212d4431ae780200505252422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a16413a9e686f6f27fcf5959595d10b1ec23b68bcf1049d4e973b3f218f1f989696168d46132fae70381c58bb82eb6cf8b78989c9e3c78f310c13850b61616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9d9d9478e1ce9ededcdceceaea8a80808083879f2e4fefdfb535353cf9d3b77eddab5f2f2</w:t>
      </w:r>
      <w:r w:rsidRPr="005B592D">
        <w:rPr>
          <w:rFonts w:ascii="Courier New" w:hAnsi="Courier New" w:cs="Courier New"/>
        </w:rPr>
        <w:t>f20d1b360405052d59b244ba3c393232d2d4d4d4dcdccce57267c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83167ce1c1d1d1d9911437272328bc58a888878f2e409fa74e017e1e3e3939c9c8ca76f2a140a3b3a3a5a5b5b391c8ebababaa9a929de75505555151f1f0f0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e7475758383834343437574740a0b0bd3d3d35b5b5bf3f3f3b5b4b4984c26e4bc40a7</w:t>
      </w:r>
      <w:r w:rsidRPr="005B592D">
        <w:rPr>
          <w:rFonts w:ascii="Courier New" w:hAnsi="Courier New" w:cs="Courier New"/>
        </w:rPr>
        <w:t>253d3d3d5d5dddc3870f6b6868787b7b8b8e196a1d8aef1f3264f1cee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379247e5c101aba161414e0c51c1d1d1d684f2c3a9d6e646424ffc1910383c158b76e1dda2a697878d8cbcb2b2525c5dbdb5bfc92eee8e8387efc382147414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f8fc562497cb87cf97273737311654726c2c3c35fbf7e1d1919294ebbe3f3f9bb</w:t>
      </w:r>
      <w:r w:rsidRPr="005B592D">
        <w:rPr>
          <w:rFonts w:ascii="Courier New" w:hAnsi="Courier New" w:cs="Courier New"/>
        </w:rPr>
        <w:t>77ef467839422c58b0605c7c312a952a91880e0f0f2f2c2caca9a9416fb87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f7e535353c2d7e744505858d8dddd3dae0e3d0000954af5f5f595a6be767575050404a005952d2d2d73737377efdefde79f7f22868978a9d26faf356bd6a04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4dadadabcbcbc1212129c9d9dc52faa8686864d9b3611360c2f5fbe1c3de0</w:t>
      </w:r>
      <w:r w:rsidRPr="005B592D">
        <w:rPr>
          <w:rFonts w:ascii="Courier New" w:hAnsi="Courier New" w:cs="Courier New"/>
        </w:rPr>
        <w:t>4303cdc49c08cacbcbdbdada2672efbbb8b8ecd8b16322e913030383888808741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bfdfbf7bebebe7bf7eeddb2658b44aa756464243939f9c08103721f00de8c39393986868668bab46ce0051a88fcc4ebd7af25f8f0aaaaaa70650c4988e1e1e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7b7b7b1b1b1b00c0b66ddbdcdcdcb85caea6a6e6b265cbe04eeaea</w:t>
      </w:r>
      <w:r w:rsidRPr="005B592D">
        <w:rPr>
          <w:rFonts w:ascii="Courier New" w:hAnsi="Courier New" w:cs="Courier New"/>
        </w:rPr>
        <w:t>ea4e9d3a65676767626272f4e851a150c8e5728f1d3b26529b806c23710fb0c1c1410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7640d0d0d4747c7f4f474981d91c6d0d0504c4c0c9abd6f636383a871f4f6f6262525d9d9d9a9a8a8c0b735954a555151397af4a8f830c8f11175a0e8ebeb2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424c09c446161a1b5b535954a8d8e8e06000c0c0c181919e5e5e5</w:t>
      </w:r>
      <w:r w:rsidRPr="005B592D">
        <w:rPr>
          <w:rFonts w:ascii="Courier New" w:hAnsi="Courier New" w:cs="Courier New"/>
        </w:rPr>
        <w:t>757474686a6a3e7ffe5c28142e5ebc182aafb158acacac2c575757b8db972f5f4af027162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a24533b0f267ef0fa8bfe5f830c812b3838587a1dd6d5d545b8b8b1b0b040f76a2a243f010068696921d36646a552edecec76edda959c9c9c9090e0efef4fb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281f8f5d75f65ce4b922c396bd6acd0d0d0a4a4a4949494a8</w:t>
      </w:r>
      <w:r w:rsidRPr="005B592D">
        <w:rPr>
          <w:rFonts w:ascii="Courier New" w:hAnsi="Courier New" w:cs="Courier New"/>
        </w:rPr>
        <w:t>a8289276e1124963c2a58fe841218e92921232bd120606062f5fbe24fc9e65e243f48b4250a95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9daed305f88464e4e0ebc300823660cc3e2e3e3a567e1f3f9641ad9a854aa8383c3debd7b8f1c3972e8d0217f7f7f32ac6d1d1d9dd6d656f1e9263f3f2107d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73c8e1f3f2e3ed778f3130080d7af5fe3994e4843a6bf</w:t>
      </w:r>
      <w:r w:rsidRPr="005B592D">
        <w:rPr>
          <w:rFonts w:ascii="Courier New" w:hAnsi="Courier New" w:cs="Courier New"/>
        </w:rPr>
        <w:t>5777773761d10a425b5b7beddab5b1b1b1292929870f1f0e090991d923298d49e817fd5fe0fdf0887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2baba5a629141a552610dbba5a505c3b088880868151617170700d8b871a38787476f6f2f85429168aa0e0b0b333333737373bb78f1627e7e7e5f5f1f9bcd3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cf8b0a8036ddebc79111111e7ce9d6b6969a9aeae</w:t>
      </w:r>
      <w:r w:rsidRPr="005B592D">
        <w:rPr>
          <w:rFonts w:ascii="Courier New" w:hAnsi="Courier New" w:cs="Courier New"/>
        </w:rPr>
        <w:t>c6630e5b5b5b23f4189e3e7deaefef2f7d27989b9b6766664ad8968ac0e3f1e2e2e2f0de015e5e5e23232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f5ebcc8cece16d79e5ab870e1b973e70402415353d38a152b7c7d7d2323234f9c38e1e4e404996b30f59d9797d7d4d4a4aeaefeecd9333e9f6f6565555858a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9a9191f1f7fead4a9a54b97428ee7eddbb725</w:t>
      </w:r>
      <w:r w:rsidRPr="005B592D">
        <w:rPr>
          <w:rFonts w:ascii="Courier New" w:hAnsi="Courier New" w:cs="Courier New"/>
        </w:rPr>
        <w:t>520e3367ce94193cc17842eebad7a78ce1e1614b4b4bc22b99c964b258ac9f7ffef9c08103fbf6eddbbc79339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7f7ae5dbbd0b32b2a9e00006466667ea004928585456f6f2fdef15b5b5b7f8849e7cd9b27416b902f9e0024886910df7df71d49a2b4043e5c3c21f32541c6b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ac58a1522ee766969296144a5aeae2eb3</w:t>
      </w:r>
      <w:r w:rsidRPr="005B592D">
        <w:rPr>
          <w:rFonts w:ascii="Courier New" w:hAnsi="Courier New" w:cs="Courier New"/>
        </w:rPr>
        <w:t>1c76e5ca15059d8a24a42398498e278442a1b430b102e1e2e2227e6c72c413008084840492d3e1f985a6a4a428e26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0f1a9c713393939d2fb3974e81000e0fcf9f3d8bf5977d83e0a0060b158eeeeeea3a3a3dadadaa2fc04445050908f8f0f8fc76b6b6b73757515fdc042a1303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757bcfa40a3d13434341064081a8d</w:t>
      </w:r>
      <w:r w:rsidRPr="005B592D">
        <w:rPr>
          <w:rFonts w:ascii="Courier New" w:hAnsi="Courier New" w:cs="Courier New"/>
        </w:rPr>
        <w:t>969d9d8d773a0080969616f8d2c5304c4b4b2b3535152fab0100100804dedede88ef8dc1604c9f3e5dfc29307ffefca2a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2b8795f5fdfcc9933bdbcbc8a8b8b21c9d4dede1eea71c178223f3fbfbebe5e4f4fafb7b797cd66ebebebdfb973a7a7a70700b067cf9e993367c228475a5e5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545a5a9a949fa803fe378028c</w:t>
      </w:r>
      <w:r w:rsidRPr="005B592D">
        <w:rPr>
          <w:rFonts w:ascii="Courier New" w:hAnsi="Courier New" w:cs="Courier New"/>
        </w:rPr>
        <w:t>d37d8d3c66cf9e8d479e174181f10400e0871f7ef81027826ed390e82b5608545555a5db2ee48e2710e6821218af1b0ec464c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33d3d3d84c6ad140aa5a2a2427cab75ebd611ce6569692993ed4f4830920332d5b426399e78f4e81179f96a39c06030eaeaea44d3c9174f0c0c0c902cf9e1c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35c2ed7cece4e41e72403</w:t>
      </w:r>
      <w:r w:rsidRPr="005B592D">
        <w:rPr>
          <w:rFonts w:ascii="Courier New" w:hAnsi="Courier New" w:cs="Courier New"/>
        </w:rPr>
        <w:t>93194fc8c39f78f0e081f487d9d9d9414141f3e7cfcfcccca45028bababa0e0e0e341a4d28144e99324545458546a3b9bbbb9f3a7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ababadad6d656201040b205954a9d3a75aaa1a1a1a87c1b1d1d6d6565e5e7e7e7ededfdd75f7f5dbb76edc993270d0d0de862249fcfdfb973e7d2a54bf1b24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62626999999ebd7af</w:t>
      </w:r>
      <w:r w:rsidRPr="005B592D">
        <w:rPr>
          <w:rFonts w:ascii="Courier New" w:hAnsi="Courier New" w:cs="Courier New"/>
        </w:rPr>
        <w:t>6f6e6e7677774757ce0a0a0ad0d2dd5c2e97cbe54e9b36cddadadac1c1c1c5c505fe486c369bc9646666662a2b2b676565896e3f0a85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f0d1a8da6a9a979e2c4093e9fefe8e8a8adaddddada0a331c30c9e1eeee6e63633365ca94fefe7ee985cec8c8c8c3870f3f41a7e90f0a3f3fbf8c8c0c98fd5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076ecd8816e45</w:t>
      </w:r>
      <w:r w:rsidRPr="005B592D">
        <w:rPr>
          <w:rFonts w:ascii="Courier New" w:hAnsi="Courier New" w:cs="Courier New"/>
        </w:rPr>
        <w:t>5338a2a3a36fdcb8f1fcf97305ee73d3a64de8b791a7a7e78e1d3bd2d2d21438e94f3ffd2453fc5e3e181818848484ecd9b38770646262a28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7c724ff6ae3424a4a0aa1887b6464a4a3a3a3f827dbb76f2f282880cc333cd4d7d7272424242525497c1e131373f3e64dc8855708984ce6a7e09f525a5a2a1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8f0feaba4</w:t>
      </w:r>
      <w:r w:rsidRPr="005B592D">
        <w:rPr>
          <w:rFonts w:ascii="Courier New" w:hAnsi="Courier New" w:cs="Courier New"/>
        </w:rPr>
        <w:t>a4e4eaeaaaa1a181a7553f65ca94baba3ac8e193092e977be3c60d32b94f04984c666060e044be2e3a9dbe6fdf3e4f4f4f927a0f9f34f00249bcf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46f6f2f5ebd67e1c285a5a5a56d6d6d6d6d6d6fdfbee570383c1e4f28148a52945c2e372828484b4b6bf6ecd9b03c111818e8efef0fffebe3e3e3ebeb0b00f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4f474</w:t>
      </w:r>
      <w:r w:rsidRPr="005B592D">
        <w:rPr>
          <w:rFonts w:ascii="Courier New" w:hAnsi="Courier New" w:cs="Courier New"/>
        </w:rPr>
        <w:t>75757df7eedd810307a078b650281c1a1a7af6ecd9d5ab570b0a0ad2d2d2f03889c5c5c588e8983cf0044da160cb850b174a4b4bebebebc583f18b172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aaaaac216593d3dbde0e060f11ddad9d9454545c1bfcbcbcb592cd6fefdfbdfbd7b271a303a3adadfdfdfd6d6c6e7f3474646727373f15654ebd7af973ee0c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b</w:t>
      </w:r>
      <w:r w:rsidRPr="005B592D">
        <w:rPr>
          <w:rFonts w:ascii="Courier New" w:hAnsi="Courier New" w:cs="Courier New"/>
        </w:rPr>
        <w:t>3f0100b872e50adaf57bbcf0f6f6267471048ace4f00009e3f7f4ea65e4efe2c48f65292795b9384bfbfbf84ce0a84dcf90900c0f0f0b0043b0a0f414141e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f6d8849cb4f54545410aa79dad8d888dff82290a15c282b2b8b92a0e2b873e78ea2d618341a0daf757632f313efdfbf47afda4d4d4d6576ba8903612106e1e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c2c1a2c5f7e020030303040866f84979f80506cb82f8e4fbade71f0e041c4dea8542a8d469b3a75aa8a8a8ab6b6f6dcb9739d9c9c020202e2e3e3af5ebd0a7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b757575a74f9f86fda22b57ae1425d67c7c7cd6ad5b0700f0f5f5ddb061030000e6910a0a0a0000797979656565b00ad0dede0e75a62580fec1c605bcaa</w:t>
      </w:r>
      <w:r w:rsidRPr="005B592D">
        <w:rPr>
          <w:rFonts w:ascii="Courier New" w:hAnsi="Courier New" w:cs="Courier New"/>
        </w:rPr>
        <w:t>989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515bc61dadbdb0b0b0b636262a2a3a35b5a5ac0bfbdfe9b376f1e1919a152a95bb76e15ed8dcfe7cf9d3b57a28f9ccd665fb972e5d0a1434141412e2e2ee6e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64c26535555554343434d4d0d51d9a1fc777be71ad4c4d5c6f1dddc21867009c410a0215c0514084c1d44b1a656a50e8aa8a0e2052f556b6ba78ed3</w:t>
      </w:r>
      <w:r w:rsidRPr="005B592D">
        <w:rPr>
          <w:rFonts w:ascii="Courier New" w:hAnsi="Courier New" w:cs="Courier New"/>
        </w:rPr>
        <w:t>16d3815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4624bcba8b59d290e888852db6a6da54abd205ea86205d42a6213da700f182024810408bbef87336f8617c2660bd452dff3fb946196ddb3c95efee739cff37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0f4c48913c3060cfc279e633d81e3f8952b5726ca7d76d9b265245fc313ae27701c97cbe5e3b439421084c16000f14a9eacacacf10790b76edd</w:t>
      </w:r>
      <w:r w:rsidRPr="005B592D">
        <w:rPr>
          <w:rFonts w:ascii="Courier New" w:hAnsi="Courier New" w:cs="Courier New"/>
        </w:rPr>
        <w:t>3a9a65c578f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48ee335353566b75c6288573647f26cf4446b6b2b19a355f0401b496d6d2d99aec541414120d17b182a958af86d4d062e974b5037fb2cf584d5be4b563bef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42c3a984ce683070fc0c663d613388e17141410fc23c0eaebe9bbefbe2379fd5bdcf99a356b2cfe3a93424f1c39720441102f2fafacac2c</w:t>
      </w:r>
      <w:r w:rsidRPr="005B592D">
        <w:rPr>
          <w:rFonts w:ascii="Courier New" w:hAnsi="Courier New" w:cs="Courier New"/>
        </w:rPr>
        <w:t>5094b273e7ce850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78ea7d30193c99448243299ecce9d3bc0fb32373777dbb66de0f38a152b809e58bc7831085480676e4646464b4b0b954ae5f178e0461a59606266fbf6edc0c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3e2fcc92afdfdfd6d6d6dd7af5f1fcd43c97cc38032a12d5bb6383b3b83104b4242426262a28f8f8f5eaf7fe38d37a64e9d5a5353f3</w:t>
      </w:r>
      <w:r w:rsidRPr="005B592D">
        <w:rPr>
          <w:rFonts w:ascii="Courier New" w:hAnsi="Courier New" w:cs="Courier New"/>
        </w:rPr>
        <w:t>f9e79f777474188dc69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21293c9d4d3d373e9d2a5d4d4d4c8c84862972d62b85ceeca952bf7ecd9033a98e7e5e50123c8e75b4fe038dedada3acea2413e9fbf7ffffed1927047f277e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91cc7b55a6d7676f6d81a0b2108121c1c3cb68670972f5f2676d323c0dddd7da40bd050c6a927701c3f7efc389991d0e9f4e2e2</w:t>
      </w:r>
      <w:r w:rsidRPr="005B592D">
        <w:rPr>
          <w:rFonts w:ascii="Courier New" w:hAnsi="Courier New" w:cs="Courier New"/>
        </w:rPr>
        <w:t>62f267fd0cf484d16824535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97cf972827192ecf3b473e7ced14e332d2dcde25ccb2a288ac6c4c4008bfad178967a62f7eeddc403fefefbefadfcea388e93307835ab84f1e8091cc72db6a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e0a99e9ae52a9341b17918742a1ecdfbfbfa3a3c362a79549a1277272722c6e8fa2289bcd8e8a8a22d9310f45d1cccccc9c</w:t>
      </w:r>
      <w:r w:rsidRPr="005B592D">
        <w:rPr>
          <w:rFonts w:ascii="Courier New" w:hAnsi="Courier New" w:cs="Courier New"/>
        </w:rPr>
        <w:t>9c1cd0a3c5fc773f3f3f994c36d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939292909646b2e5ab408088bb8b8b879f3e6858787a7a5a571389cf0f07090db38524fd8d8d80cbd8b783c5e6464e4ba75eb3efcf0c3d3a74fd7d5d5e9743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0fe62c66030f4f4f4b4b4b45cbf7efdc89123bb76ed5ab66c1968b96e1eb9adadedb03881f986010fbeab57afc6c6c6</w:t>
      </w:r>
      <w:r w:rsidRPr="005B592D">
        <w:rPr>
          <w:rFonts w:ascii="Courier New" w:hAnsi="Courier New" w:cs="Courier New"/>
        </w:rPr>
        <w:t>ce9d3b57afd7cf9a352b2d2d0d0424d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bdbc1abc26c3fd5dfdf9f9e9e3e346983c96426262616161692b4f44110c4d3d3d3d5d575b41a81a15afbf9e6d2a54b63783db058ac949414abb6d6c3b0fa0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d080818839e003437379389720fc5c1c1213b3b7ba86be15f45a7d3e5e7e7bbb9b9913f28954a95c96456233a26</w:t>
      </w:r>
      <w:r w:rsidRPr="005B592D">
        <w:rPr>
          <w:rFonts w:ascii="Courier New" w:hAnsi="Courier New" w:cs="Courier New"/>
        </w:rPr>
        <w:t>9389b87cd1aa9ec0713c3a3a9acc90bcbcb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c4ed32d62341ac7aca2883197b659b554471084c16010bfb0dbdbdb49ce5009e4d4e3c78f636363ffd25988442232fa6cfcf782553d019e60ddddddc4cb37c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ece207bdd2a60624c4070703018b3d5ab97584f343535114f0f462b2d1e068661c78f1fb7eaea6b262c2c0c</w:t>
      </w:r>
      <w:r w:rsidRPr="005B592D">
        <w:rPr>
          <w:rFonts w:ascii="Courier New" w:hAnsi="Courier New" w:cs="Courier New"/>
        </w:rPr>
        <w:t>5c817abdde6252e0483d31e666995619351f333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272efdebd5d5d5d3a9d0e24543a38380804024f4f4f5f5f5f3737378d46b371e346aba9e3e0e2484e4edebc79b35c2efff5d75f4b4a4a4a4a4a9e3c79f2d14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f9d3c79f2cd37df04a57debd6ad5bb66cd98a152b2a2a2a9293931104311a8db366cd3a70e08046a389</w:t>
      </w:r>
      <w:r w:rsidRPr="005B592D">
        <w:rPr>
          <w:rFonts w:ascii="Courier New" w:hAnsi="Courier New" w:cs="Courier New"/>
        </w:rPr>
        <w:t>8b8b034e7c168fe2e3e353585878f3e6cd5bb76e5db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6adb1b1b1bcbcdcdc3c0945510e87c366b3391c0ed007288a1a8d469d4ed7dddd3dccb58346a3f9f9f9cd993367f9f2e58f1e3d020dc94602a20be5e5e5151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51b366c686d6dadaeae6e6b6ba3d3e967ce9c59b468517171715555d5d2a54b7b7b7b8f1e3d7af8</w:t>
      </w:r>
      <w:r w:rsidRPr="005B592D">
        <w:rPr>
          <w:rFonts w:ascii="Courier New" w:hAnsi="Courier New" w:cs="Courier New"/>
        </w:rPr>
        <w:t>f061602be4eded3d7bf6eca8a8a8b973e7827b067469b7c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2050b8e1d3bc666b31f3e7cd8d0d0d0d4d4d4d2d2d2d9d9a9d7eb1104b1b1b17175759d3a752a995dfddb993f7ffe8d1b37ae5ebd7af1e2c56bd7aefdf1c71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3d910d1e9743e9f1f181818191919171747d25661d81e626363753a9dc5e8ebc0c080582c1e</w:t>
      </w:r>
      <w:r w:rsidRPr="005B592D">
        <w:rPr>
          <w:rFonts w:ascii="Courier New" w:hAnsi="Courier New" w:cs="Courier New"/>
        </w:rPr>
        <w:t>7315a8ababebd1a347d7af5f7ff6ecd9dbb76f3f7cf8d060308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c0c45517b7bfbf0f0f0989898b8b8b8d15cd7483265ca940d1b36bcf2ca2ba74e9d3a7ffe7c6565a556abb59809686b6bebe9e9396fdebcc4c4443229e8288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aa5521717178bbe818383836c369bb847338220c9c9c94c269346a3112cf9e138ded7d7</w:t>
      </w:r>
      <w:r w:rsidRPr="005B592D">
        <w:rPr>
          <w:rFonts w:ascii="Courier New" w:hAnsi="Courier New" w:cs="Courier New"/>
        </w:rPr>
        <w:t>57535343d2f39842a12c5ab4c8d7d77762eb05300ca3d168e02d023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b13244ff4f5f5492412e2a686cececea9a9a967cf9e254e15eaeded2548f9f4f7f73f73e6cceddbb7bffdf6dbcb972fcbe572a3d13872331445793cde8c193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2a3a357af5e4da6be66fcf70248d2b7f82d6118c66432c10c5ba150848484482412</w:t>
      </w:r>
      <w:r w:rsidRPr="005B592D">
        <w:rPr>
          <w:rFonts w:ascii="Courier New" w:hAnsi="Courier New" w:cs="Courier New"/>
        </w:rPr>
        <w:t>8bd7405f5f5f4848088fc7b33a600441a2a2a21212124c2693c58161184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7d35b5b5b452211f1d5abd7eb8925a950284c4949292929b1f8db814b854c1e318aa26bd7ae8d8888f8e69b6f4a4b4b41b87de4660c0623383878d5aa551b3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e046e220c06233e3ebeaeaece7c9183d7e53095437c9ae364d4a6ae6430180c</w:t>
      </w:r>
      <w:r w:rsidRPr="005B592D">
        <w:rPr>
          <w:rFonts w:ascii="Courier New" w:hAnsi="Courier New" w:cs="Courier New"/>
        </w:rPr>
        <w:t>2b56ac387ffe3cf166a1a1a115151543efe4a74f9f9e3b77eef4e9d3172f5e3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94c2e2e2e4949495bb76e55abd5870f1ff6f7f7dfb3678fd1689c3367cedebd7bd7ac59336dda34994cf6eebbef5656564e9932a5a1a1212020a0a7a7c7bcc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0a0a0bb77ef9a2fd3478f1e555757373636363434d4d7d7b7b5b5757676</w:t>
      </w:r>
      <w:r w:rsidRPr="005B592D">
        <w:rPr>
          <w:rFonts w:ascii="Courier New" w:hAnsi="Courier New" w:cs="Courier New"/>
        </w:rPr>
        <w:t>f6f6f6f6f4f400f540a3d1c0a3cdc1c1c1c1c1c1c9c94928140a8542d0cdcf7c6be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6e60e8b62990f545252121d1dedeeeebe76edda8c8c8cb7df7efbfaf5ebb76edd92c96415151557ae5c61b158adadad9f7efa694e4e8e5eaf67b3d9f1f1f11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66c88888818fa436a349a808000ab2db65f7bedb5ecececb145329f</w:t>
      </w:r>
      <w:r w:rsidRPr="005B592D">
        <w:rPr>
          <w:rFonts w:ascii="Courier New" w:hAnsi="Courier New" w:cs="Courier New"/>
        </w:rPr>
        <w:t>6ffafbfb954aa55c2e6f6b6b53abd5bdbdbd288adad8d8d8d9d9090402b158ece9e9f9a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8de406b9bc78f1f37343468341a83c100daf9f2f97c3737377f7f7f676767f24d844982e3b85aadaeabab532a952a954aabd56218064a903c3c3c02030385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1df5ab3371e300c9b2486b0e0293ae1bf0e01c057d7ea110706</w:t>
      </w:r>
      <w:r w:rsidRPr="005B592D">
        <w:rPr>
          <w:rFonts w:ascii="Courier New" w:hAnsi="Courier New" w:cs="Courier New"/>
        </w:rPr>
        <w:t>06eaebeb150a454b4b8bf9eeb0b5b5757171118bc58181810e0e0ecf72d824191c1cfc4b2db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703080990ef3eff8c51a954bffdf69b52a9eceaea0299798e8e8eeeeeeed3a64df3f2f29a74c32613322240a552595df8100a85a325e2debd7b77f5ead5c01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bc562eddebd5ba55299f72c10082e5fbe1c1a1a9a999959</w:t>
      </w:r>
      <w:r w:rsidRPr="005B592D">
        <w:rPr>
          <w:rFonts w:ascii="Courier New" w:hAnsi="Courier New" w:cs="Courier New"/>
        </w:rPr>
        <w:t>5656e6e6e60622ae23d73b828282408ed8a143873233339b9b9b470b2569b55ab0a5c160b098565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d5d9d96960692a84152eab00381e0d8d9b36769345a4545058ee33a9d4e2814821c528d46a3d7ebabaaaa366dda0484aaabab6b7272f2682efa04b92066e2e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3c7960e0281402010c8b361bcea9ecfe75fb870c1ec</w:t>
      </w:r>
      <w:r w:rsidRPr="005B592D">
        <w:rPr>
          <w:rFonts w:ascii="Courier New" w:hAnsi="Courier New" w:cs="Courier New"/>
        </w:rPr>
        <w:t>333d0cf0a6643018a34d23c2c2c24e9e3c79e7ce9d1d3b7670389ccf3efbcccfcf6fd7ae5d0f1e3ce0f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945454562b1b8acac6cf7eedd6ab51a4872e2f1d4d6d6eed9b3a7b8b838373797c7e3819ac073e7cea5a6a6666464e4e4e46018565e5e9e9b9bdbdbdbdbd0d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09e9eaed168cacacac2c3c31312123a3a3a6262</w:t>
      </w:r>
      <w:r w:rsidRPr="005B592D">
        <w:rPr>
          <w:rFonts w:ascii="Courier New" w:hAnsi="Courier New" w:cs="Courier New"/>
        </w:rPr>
        <w:t>62525353d56a35f181eaebeb4d2613884eb7b7b76fdbb64d26932108525e5ebe64c9128944929797e7e2e2f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5975fd6d6d66666668a44228bfb613299e0cb19adc1ae542acdc9c99924f33008040281402c32016f296767e7bcbc3c73fd1b93c9048e52201373c68c192e2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ec4cb81a1a1a15f7cf105a8aad06ab5070e</w:t>
      </w:r>
      <w:r w:rsidRPr="005B592D">
        <w:rPr>
          <w:rFonts w:ascii="Courier New" w:hAnsi="Courier New" w:cs="Courier New"/>
        </w:rPr>
        <w:t>1c080f0f4f4d4d0d0909f1f4f4b4b3b3a3d3e97abd9e46a3017b131445070606bcbcbcde79e71d705c208e10040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16db95c5e5959d9d1d1d1dcdc4ca7d3abaaaaf6eddb77e3c68d53a74ea9d5eaa2a2a22d5bb668b5dacece4e507147a7d32b2b2b7ff9e597aaaaaacece4e7c2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71c0000057249444154068301d261c0</w:t>
      </w:r>
      <w:r w:rsidRPr="005B592D">
        <w:rPr>
          <w:rFonts w:ascii="Courier New" w:hAnsi="Courier New" w:cs="Courier New"/>
        </w:rPr>
        <w:t>3ea954eaf2e5cbb76ddb86fc37cc88200830c9061b88c5e29494142e979b9898b878f1e2d2d2521445e3e3e36fddbaf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aebaf73381c8273e772b98e8e8e2fbffcb2390fd9dddddd1c618e8888387efcb8d52e851008040281fcc34c54a0a3afaf0f98f4492492274f9e4c9d3a95cfe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b0c86c2c242b38f1319ae5dbbb6</w:t>
      </w:r>
      <w:r w:rsidRPr="005B592D">
        <w:rPr>
          <w:rFonts w:ascii="Courier New" w:hAnsi="Courier New" w:cs="Courier New"/>
        </w:rPr>
        <w:t>64c9129061c0e572d7af5f5f5454a450280c068346a30161ffc6c6460a853273e64c1cc7bbbbbb1d1d1d7d7d7dc132444a4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a8c19335e7ae9a5b0b0b0993367464444e0387ee4c8112a95dad8d8080e01bccc0c068342a1080d0d35994ce5e5e52291282828482a954a24127f7f7fd020b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0b0104110a9548ae3f8c58b</w:t>
      </w:r>
      <w:r w:rsidRPr="005B592D">
        <w:rPr>
          <w:rFonts w:ascii="Courier New" w:hAnsi="Courier New" w:cs="Courier New"/>
        </w:rPr>
        <w:t>171104090c0c1c9ac0dcdfdfffe8d1a383070f2e5cb810249a71b9dc1d3b76dcb97387fc29bff5d65b3ffffcf3850b171004118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5353535a07dc968ae4110080402814c36c6e2b76d110683c1e170dcddddf3f3f37d7d7dc3c2c2162c58c062b15e7df555a9544a7e3f5151515151510a85e2a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fbe3a76ec5841414141</w:t>
      </w:r>
      <w:r w:rsidRPr="005B592D">
        <w:rPr>
          <w:rFonts w:ascii="Courier New" w:hAnsi="Courier New" w:cs="Courier New"/>
        </w:rPr>
        <w:t>41018542f1f3f30b0c0cb4b7b7b7b1b151a954e60c1a068341a3d1f0ff66956218161d1d7de2c4096f6fefa54b979e3c79124110144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70707653299542a4d4a4a02a65b288a52a954b0dc6032993c3c3cc462717e7e7e7a7a7a71713148db04099e602502c885e6e6e6f7de7b8fc562757777b7b5b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d7cf850a15080a3</w:t>
      </w:r>
      <w:r w:rsidRPr="005B592D">
        <w:rPr>
          <w:rFonts w:ascii="Courier New" w:hAnsi="Courier New" w:cs="Courier New"/>
        </w:rPr>
        <w:t>bff0c20b4949491b376e24d92fce4c72723238af356bd6180c8669d3a6a5a5a5252424f0783cb8cc01814020907f0513a627743add8b2fb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86fdf3e81408061585e5e1ea8e721d3187724dedede595959efbfff7e6969e9952b57aaababefdfbffff8f1e3a1db806e17f8ffd6a7e8743a3e9fefeded1d1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acae5728114</w:t>
      </w:r>
      <w:r w:rsidRPr="005B592D">
        <w:rPr>
          <w:rFonts w:ascii="Courier New" w:hAnsi="Courier New" w:cs="Courier New"/>
        </w:rPr>
        <w:t>00590e2e2e2e209f0345d1fefe7ee0fa6e1656b6b6b66161613ffcf0c3ead5ab8f1d3b068a4786ee9cc5624d993245a3d10c6d78cf62b166ce9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9954a172c58101e1e3e36b32f8140003ee4e7e73737376318161f1f2f140a2b2b2b0d06c3c49a4c4320100804f27730617a82c3e1987d142814ca8434ecb1b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78f8b8b</w:t>
      </w:r>
      <w:r w:rsidRPr="005B592D">
        <w:rPr>
          <w:rFonts w:ascii="Courier New" w:hAnsi="Courier New" w:cs="Courier New"/>
        </w:rPr>
        <w:t>8b8b8bc330acabab4ba954aad5ea9e9e1e2a95cae5727d7d7d110401b2004551309597cbe5542a352121412010b4b7b7035900564f366dda34b480d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030e874ba8181011445310c53a954fefefe9b376f66b3d94d4d4dc0cf6068faa74422b977ef5e535353474787c964e270384e4e4e22916802a308743add9cb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919</w:t>
      </w:r>
      <w:r w:rsidRPr="005B592D">
        <w:rPr>
          <w:rFonts w:ascii="Courier New" w:hAnsi="Courier New" w:cs="Courier New"/>
        </w:rPr>
        <w:t>19191919898fa39a17028140209067c684e989bf150a85e2e4e464d1320c44177a7b7bb55aad9393534141417d7d3d2861fde0830fdadbdb1104696c6c4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0e4c68d1b4aa532202000ac471c3a74a8a1a181cd66a328aa52a9140a457070f0fcf9f33b3b3b0f1e3cb86ad52a0441542a95f940288a7a79794d602727324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2d2700804028140464225e9183f99f9faebafe572f98f3ffea8d168783c1ee8648120c8f4e9d3172e5ce8eaeadad5d5656f6faf50284a4b4b7d7c7c56ae5c4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5527ffae92793c9f4c9279fb8babad268b49898187f7f7f0a8562636313121272f3e6cdd4d4d4ecec6c0cc3a452694c4ccc3f7b8e10080402814c66c6e58f</w:t>
      </w:r>
      <w:r w:rsidRPr="005B592D">
        <w:rPr>
          <w:rFonts w:ascii="Courier New" w:hAnsi="Courier New" w:cs="Courier New"/>
        </w:rPr>
        <w:t>3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9f8fdf7df3ffef8e3a2a2229027e1e6e6161616367dfa746f6f6fb158cce3f14422918d8d0de83a46a15080f35a5f5f1f98fd3f7dfa54afd7ab54aa7bf7eed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6d6d6d5d5ddbb77efe9d3a70882787979edd8b163fbf6ed564d822110080402f97fe679d01300a55279eedcb9ab57af96959575757599ff0efc651d1c</w:t>
      </w:r>
      <w:r w:rsidRPr="005B592D">
        <w:rPr>
          <w:rFonts w:ascii="Courier New" w:hAnsi="Courier New" w:cs="Courier New"/>
        </w:rPr>
        <w:t>1cece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cececec68341ab0e9edebebebeeeeeee8e8d06ab5c0d6c28c4020983d7b766c6c6c4c4c0cb17b04040281402010e479d21366babbbbefdfbfffe0c1833ffff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3aeaeaeb1b1b1adad4da3d1188dc6a14d8f68341aa871757474148bc53e3e3e62b1d8dbdbdbc3c34324128da72d3b0402814020ff6ffc07efc003</w:t>
      </w:r>
      <w:r w:rsidRPr="005B592D">
        <w:rPr>
          <w:rFonts w:ascii="Courier New" w:hAnsi="Courier New" w:cs="Courier New"/>
        </w:rPr>
        <w:t>20728f82da0000000049454e44ae426082}}}{\sp{\sn fPreferRelativeResize}{\sv 1}}{\sp{\sn posrelh}{\sv 1}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sp{\sn posrelv}{\sv 1}}{\sp{\sn fLayoutInCell}{\sv 1}}{\sp{\sn fLayoutInCell}{\sv 1}}}{\shprslt\par\pard\ql \li0\ri0\widctlpar\pvpg\phpg\posx7100\posy1</w:t>
      </w:r>
      <w:r w:rsidRPr="005B592D">
        <w:rPr>
          <w:rFonts w:ascii="Courier New" w:hAnsi="Courier New" w:cs="Courier New"/>
        </w:rPr>
        <w:t xml:space="preserve">263\abslock1\dxfrtext180\dfrmtxtx180\dfrmtxty0\aspalpha\aspnum\faauto\adjustright\rin0\lin0\itap0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{\pict\picscalex100\picscaley100\piccropl0\piccropr0\piccropt0\piccropb0\picw6003\pich1379\picwgoal3403\pichgoal782\wmetafile8\bliptag1511616063\blipupi299{</w:t>
      </w:r>
      <w:r w:rsidRPr="005B592D">
        <w:rPr>
          <w:rFonts w:ascii="Courier New" w:hAnsi="Courier New" w:cs="Courier New"/>
        </w:rPr>
        <w:t>\*\blipuid 5a196e3f245f5d006c33307c4c4acf0d}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10009000003e25e00000000c15e000000000400000003010800050000000b0200000000050000000c023500e400030000001e00c15e0000410b2000cc0068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601000000003400e3000000000028000000c6010000680000000100080000000000000000000000</w:t>
      </w:r>
      <w:r w:rsidRPr="005B592D">
        <w:rPr>
          <w:rFonts w:ascii="Courier New" w:hAnsi="Courier New" w:cs="Courier New"/>
        </w:rPr>
        <w:t>000000000000000000000000000000000000ffffff00fef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e00959595001a1a1a00c4c4c400f0f0f0004545450022222200e1e1e100c9c9c900121212005d5d5d001414140092929200b6b6b60034343400b0b0b0009f9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f000d0d0d00020202002b2b2b002c2c2c00949494001e1e1e00bfbfbf00d3d3d3002f2f2f00</w:t>
      </w:r>
      <w:r w:rsidRPr="005B592D">
        <w:rPr>
          <w:rFonts w:ascii="Courier New" w:hAnsi="Courier New" w:cs="Courier New"/>
        </w:rPr>
        <w:t>b5b5b50006060600e6e6e600686868000808080081818100ece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c008a8a8a0049494900d7d7d700e7e7e70075757500f3f3f300a0a0a00057575700aaaaaa00b9b9b9006d6d6d00040404003f3f3f00444444001d1d1d009a9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a00a7a7a7003e3e3e003b3b3b00545454004c4c4c003838380099999900f7f7f700f9f9</w:t>
      </w:r>
      <w:r w:rsidRPr="005B592D">
        <w:rPr>
          <w:rFonts w:ascii="Courier New" w:hAnsi="Courier New" w:cs="Courier New"/>
        </w:rPr>
        <w:t>f900fbfbfb006a6a6a00dedede00e4e4e400ededed00eaeaea00e2e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200bcbcbc000b0b0b00f5f5f500eeeeee00f6f6f600fcfcfc0089898900bdbdbd00c7c7c700b7b7b700c6c6c600b4b4b400ababab00d4d4d400555555007a7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a00c8c8c800c2c2c2004e4e4e0051515100b3b3b300dcdcdc00ebebeb00e8e8e800</w:t>
      </w:r>
      <w:r w:rsidRPr="005B592D">
        <w:rPr>
          <w:rFonts w:ascii="Courier New" w:hAnsi="Courier New" w:cs="Courier New"/>
        </w:rPr>
        <w:t>dadada00fdfdfd00fafafa006c6c6c0039393900afafaf003d3d3d00a3a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300101010002d2d2d004b4b4b00505050004f4f4f0070707000d5d5d500d2d2d200131313007e7e7e002121210056565600e9e9e90053535300bababa00cfc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f00cdcdcd00e3e3e300c5c5c500efefef0077777700868686005c5c5c009797</w:t>
      </w:r>
      <w:r w:rsidRPr="005B592D">
        <w:rPr>
          <w:rFonts w:ascii="Courier New" w:hAnsi="Courier New" w:cs="Courier New"/>
        </w:rPr>
        <w:t>9700dfdfdf00cccccc00cbcbcb00c0c0c0006f6f6f00dddddd0048484800f1f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f1002323230066666600d6d6d60063636300f8f8f80047474700bebebe00696969000a0a0a00808080001f1f1f008d8d8d00f2f2f200e0e0e000787878000f0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f001b1b1b0062626200bbbbbb0060606000797979002727270071717100</w:t>
      </w:r>
      <w:r w:rsidRPr="005B592D">
        <w:rPr>
          <w:rFonts w:ascii="Courier New" w:hAnsi="Courier New" w:cs="Courier New"/>
        </w:rPr>
        <w:t>6e6e6e0028282800313131008e8e8e009b9b9b0029292900aeaeae003c3c3c00e5e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50072727200595959003636360098989800161616005858580067676700353535009e9e9e005a5a5a0093939300434343005e5e5e0061616100b8b8b800ada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d0076767600b1b1b100d1d1d10046464600525252007b7b7b001717</w:t>
      </w:r>
      <w:r w:rsidRPr="005B592D">
        <w:rPr>
          <w:rFonts w:ascii="Courier New" w:hAnsi="Courier New" w:cs="Courier New"/>
        </w:rPr>
        <w:t>1700c1c1c1009c9c9c00323232008b8b8b00f4f4f4006b6b6b00c3c3c30082828200848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400191919005b5b5b009d9d9d00242424004a4a4a0088888800acacac00838383002e2e2e007474740026262600a2a2a200a6a6a6004242420085858500a5a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50033333300cecece009696960091919100737373007c7c7c00</w:t>
      </w:r>
      <w:r w:rsidRPr="005B592D">
        <w:rPr>
          <w:rFonts w:ascii="Courier New" w:hAnsi="Courier New" w:cs="Courier New"/>
        </w:rPr>
        <w:t>878787008f8f8f008c8c8c00a9a9a900dbdbdb00cacaca00a1a1a1003a3a3a005f5f5f00d8d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8004141410065656500d0d0d000d9d9d900646464007d7d7d0090909000a4a4a400a8a8a800b2b2b2007f7f7f00000000000000000000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000000000000000000000000000000</w:t>
      </w:r>
      <w:r w:rsidRPr="005B592D">
        <w:rPr>
          <w:rFonts w:ascii="Courier New" w:hAnsi="Courier New" w:cs="Courier New"/>
        </w:rPr>
        <w:t>000000000000000000000000000000000000000000000000000000000000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5953bb2d371531186d6d086d9c56770389425c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000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</w:t>
      </w:r>
      <w:r w:rsidRPr="005B592D">
        <w:rPr>
          <w:rFonts w:ascii="Courier New" w:hAnsi="Courier New" w:cs="Courier New"/>
        </w:rPr>
        <w:t>0202020202020202020202020202020202020202020202826266353797d51189190a7c8989572952a85fc7e92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00002020202020202020202020202020202020202020202020202020202020202020202020202020202024e15dc584506df803dd954c5e4c26fbb3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ae6c9cbd9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</w:t>
      </w:r>
      <w:r w:rsidRPr="005B592D">
        <w:rPr>
          <w:rFonts w:ascii="Courier New" w:hAnsi="Courier New" w:cs="Courier New"/>
        </w:rPr>
        <w:t>02020202020202020202000002020202020202020202020202020202be025c02020202020202020202020202024876095357a07e82a0075dc5294ca9588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a5a3619c109a35705771eb06c5d0511b243e2225d02020202020202020202020202023c02453a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0000202020202020202020202020202023c9d6ae27c5d47020202020202020202027b326ecbd3</w:t>
      </w:r>
      <w:r w:rsidRPr="005B592D">
        <w:rPr>
          <w:rFonts w:ascii="Courier New" w:hAnsi="Courier New" w:cs="Courier New"/>
        </w:rPr>
        <w:t>b630830a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83c12e7cc9a3e07d67bb785d63f21b07891a2866c42a73555a1cd37c1d45d0202020202020202025d5ddd4c6fc185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00002020202020202020202020202025c7ba1d0edc77eea020202020202025dd4529c6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9720526a21660dab63c033756b65824547b37b5d1091f6665cc1ee18454312c5ade252b8aaaac4382020202020202027dce7f</w:t>
      </w:r>
      <w:r w:rsidRPr="005B592D">
        <w:rPr>
          <w:rFonts w:ascii="Courier New" w:hAnsi="Courier New" w:cs="Courier New"/>
        </w:rPr>
        <w:t>88b383dc5d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00002020202020202</w:t>
      </w:r>
      <w:r w:rsidRPr="005B592D">
        <w:rPr>
          <w:rFonts w:ascii="Courier New" w:hAnsi="Courier New" w:cs="Courier New"/>
        </w:rPr>
        <w:t>020202020202025867001d920ba5a95c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90da16342b5b8f82d75882c61ba70748d979b8e33e52ca73e925c5803d49ac96747992d3c3c0e66e7426b5b1360d7f805c0202020202cf986d2e4400b90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c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000020202020202020202020202025ba5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963c0202067d779b56dfe587d88eb8ed80826d000007487de590504b894cb44e4c89</w:t>
      </w:r>
      <w:r w:rsidRPr="005B592D">
        <w:rPr>
          <w:rFonts w:ascii="Courier New" w:hAnsi="Courier New" w:cs="Courier New"/>
        </w:rPr>
        <w:t>0ab590dd756f790000b9c0a267716a2a3fc0deb39c864a40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92000000000006db45c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8fa2585b7b26470202020202020202020202020202020202020202020202</w:t>
      </w:r>
      <w:r w:rsidRPr="005B592D">
        <w:rPr>
          <w:rFonts w:ascii="Courier New" w:hAnsi="Courier New" w:cs="Courier New"/>
        </w:rPr>
        <w:t>020202020202020202020202028f7458dd094648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4526585b3e225d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</w:t>
      </w:r>
      <w:r w:rsidRPr="005B592D">
        <w:rPr>
          <w:rFonts w:ascii="Courier New" w:hAnsi="Courier New" w:cs="Courier New"/>
        </w:rPr>
        <w:t>0202020202020202020202020202876f7b5b58263a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8242dd581e3a02020202020202020202</w:t>
      </w:r>
      <w:r w:rsidRPr="005B592D">
        <w:rPr>
          <w:rFonts w:ascii="Courier New" w:hAnsi="Courier New" w:cs="Courier New"/>
        </w:rPr>
        <w:t>02020202020202020202020202020202020202020200000202020202e6cfbbdfe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d59dd512e000000000000494550ce2abca81c6a5ea47de9a9aee709826d0000e30ad59607e0cb9c5fa1a1e0bc1ba5ae2a78b1b70000b9c07488e7cea394794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94a215f70497546898d0000000000009b111ede11c50e03053c020202</w:t>
      </w:r>
      <w:r w:rsidRPr="005B592D">
        <w:rPr>
          <w:rFonts w:ascii="Courier New" w:hAnsi="Courier New" w:cs="Courier New"/>
        </w:rPr>
        <w:t>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be4dc86ed038aae007e1bd754702020202020202020202690e0e0e0e0ee9050202020202020202020202023b75bd362fa5aa6167917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2020202020202020202020202023ce27ac40738aae0245e602202</w:t>
      </w:r>
      <w:r w:rsidRPr="005B592D">
        <w:rPr>
          <w:rFonts w:ascii="Courier New" w:hAnsi="Courier New" w:cs="Courier New"/>
        </w:rPr>
        <w:t>020202020202097a0e0e0e0ed64e5d0202020202bedc0e0e0e0e0e0e0e3328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19e90e0e0e0e0e0e0e0e0e0e0e0e0e0e0e0e0e8941320e0e0e0e0e0ec52802020202020289e90e0e0e0e0ed6334702020202483f62a9b6e0103830e7c5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c0202020202023cdf0e0e0e0e0e3206020202020258030e0e</w:t>
      </w:r>
      <w:r w:rsidRPr="005B592D">
        <w:rPr>
          <w:rFonts w:ascii="Courier New" w:hAnsi="Courier New" w:cs="Courier New"/>
        </w:rPr>
        <w:t>0e0e0e713a430e0e0e0e0e0eb50202020202020248890e0e0e0e0e0e4a5d500e0e0e0e0e1774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3bcfd60e0e0e0e1706020202020202025d7ddb5134a5a5d0e42b8f5cd40e0e0e03400202409e0e0e0e0e0e0e0e0e0e0e0e0e0e0e0e0e0e0e0000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e6365c7386b8dcd0000000000000014a8c76b35</w:t>
      </w:r>
      <w:r w:rsidRPr="005B592D">
        <w:rPr>
          <w:rFonts w:ascii="Courier New" w:hAnsi="Courier New" w:cs="Courier New"/>
        </w:rPr>
        <w:t>970fd445ecbdc512db65adc63e826d00002020a19129957b455d3c3c5d4580badf8c55131d0000b9c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024b86c62e4c5dbacd2476a49706da51f310000000000000092b920d36551108445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3c7ca48b00</w:t>
      </w:r>
      <w:r w:rsidRPr="005B592D">
        <w:rPr>
          <w:rFonts w:ascii="Courier New" w:hAnsi="Courier New" w:cs="Courier New"/>
        </w:rPr>
        <w:t>00000000000000002e1fba5c020202020202020233200000000000c15c020202020202020202486a6844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1dc7053b020202020202020202027b4993000000000000000014307145020202020254040000000000e14702020202022cc30000000000001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648020202020202025c970000000000000000</w:t>
      </w:r>
      <w:r w:rsidRPr="005B592D">
        <w:rPr>
          <w:rFonts w:ascii="Courier New" w:hAnsi="Courier New" w:cs="Courier New"/>
        </w:rPr>
        <w:t>00000000000000000000a359992e00000000002eb202020202023fe000000000000013175d0202022239cd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bcce060202020202879c00000000006d090202020202b1b900000000005e45a06b0000000014273a0202020202028f51000000000044dc023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300000000b94d02020202020513000000</w:t>
      </w:r>
      <w:r w:rsidRPr="005B592D">
        <w:rPr>
          <w:rFonts w:ascii="Courier New" w:hAnsi="Courier New" w:cs="Courier New"/>
        </w:rPr>
        <w:t>0000449002020202020242ca44000000000000001d517dda1d000063580202ddcd0000000000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202020202adaaa24142032e0000000004d35f30c497c5052c7e592d26600e62abca7f093326266d000000142b3b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c4bc6000000b99526b20eb54a2f53</w:t>
      </w:r>
      <w:r w:rsidRPr="005B592D">
        <w:rPr>
          <w:rFonts w:ascii="Courier New" w:hAnsi="Courier New" w:cs="Courier New"/>
        </w:rPr>
        <w:t>e3b5283fe87626c0c9d1a981a134082e0000002ee7dd4146d5e745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8732cb000000000000000000000000148d12450202020202020233200000000000ca5c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47dfbc2e00000000000000</w:t>
      </w:r>
      <w:r w:rsidRPr="005B592D">
        <w:rPr>
          <w:rFonts w:ascii="Courier New" w:hAnsi="Courier New" w:cs="Courier New"/>
        </w:rPr>
        <w:t>00000000088e8202020202020202485330200000000000000000000000048c8f0202020254930000000000e147020202023f0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1dbf8202020202020202025c52000000000000000000000000000000000000d73a3f8800000000000007090202025dda440000000000006e40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483ea892000000000000</w:t>
      </w:r>
      <w:r w:rsidRPr="005B592D">
        <w:rPr>
          <w:rFonts w:ascii="Courier New" w:hAnsi="Courier New" w:cs="Courier New"/>
        </w:rPr>
        <w:t>000000000063843e02020202879c000000000008090202020202b1b900000000005e473fd30000000000e31e0202020202027b8d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c6a202331300000000b94d0202020274660000000000004409020202023cde308b00000000000000000000aac72e000063580202ddcd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</w:t>
      </w:r>
      <w:r w:rsidRPr="005B592D">
        <w:rPr>
          <w:rFonts w:ascii="Courier New" w:hAnsi="Courier New" w:cs="Courier New"/>
        </w:rPr>
        <w:t>00000000000202020202ade08702025a10000000a7ec7cb582488909399a716f6826600ec96025bad2cabf96130000002043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1e095c020202020225150000008b551f52bb7580dc22e17202a2998271e4125d1a828258de510000008d7d020202dfe745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</w:t>
      </w:r>
      <w:r w:rsidRPr="005B592D">
        <w:rPr>
          <w:rFonts w:ascii="Courier New" w:hAnsi="Courier New" w:cs="Courier New"/>
        </w:rPr>
        <w:t>02020202020202020202020202020202020202020202023c331d000000000000000000000000000000b9eb02020202020202332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a5c020202020202025d296300000000000000000000000000001d99820202020202027e6400000000000000000000000000008bca450202025493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147020202</w:t>
      </w:r>
      <w:r w:rsidRPr="005B592D">
        <w:rPr>
          <w:rFonts w:ascii="Courier New" w:hAnsi="Courier New" w:cs="Courier New"/>
        </w:rPr>
        <w:t>be272e00000000000030090202020202020202025c52000000000000000000000000000000000000d73a02ba83000000000044d13c0202e2cd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987d020202722f000000000000000000000000000014b782020202879c000000000008090202020202b1b900000000005e4702910000000000920e1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e4e4e</w:t>
      </w:r>
      <w:r w:rsidRPr="005B592D">
        <w:rPr>
          <w:rFonts w:ascii="Courier New" w:hAnsi="Courier New" w:cs="Courier New"/>
        </w:rPr>
        <w:t>4e1cc2000000000000bf0202331300000000b94d020202020e44000000000000440902020202051500000000000000000000000000000000006358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dcd00000000000000000000000000000000000000000202020202ade0870202458a0000003d6fa8c7cc8297432f0502823d05cfdf26b1c4bc34650b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d</w:t>
      </w:r>
      <w:r w:rsidRPr="005B592D">
        <w:rPr>
          <w:rFonts w:ascii="Courier New" w:hAnsi="Courier New" w:cs="Courier New"/>
        </w:rPr>
        <w:t>91760202023c3fabaa15e93e5c0202025ddb31140000000b65aed3344f3f2ccc0ab52782db579a466c0a1a68467e140000e082020202dfe745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3e340000000000002e6d169b63000000000000385a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33200000000000ca5c020202020202027e16000000000000000000000000000000008b9e5c02020202dda1000000000000000000000000000000006bc9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54930000000000e14702020219c30000000000000bec020202020202020202025c52000000000000000000000000000000000000d73a0287c800000000</w:t>
      </w:r>
      <w:r w:rsidRPr="005B592D">
        <w:rPr>
          <w:rFonts w:ascii="Courier New" w:hAnsi="Courier New" w:cs="Courier New"/>
        </w:rPr>
        <w:t>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30a025d6c00000000000092323b0202456e140000000000000000000000000000001d033b0202879c000000000008090202020202b1b900000000005e47024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30000000000136b0b0b0b0b6b44000000000092b40202331300000000b94d0202025915000000000000004409020202825500000000000000000000</w:t>
      </w:r>
      <w:r w:rsidRPr="005B592D">
        <w:rPr>
          <w:rFonts w:ascii="Courier New" w:hAnsi="Courier New" w:cs="Courier New"/>
        </w:rPr>
        <w:t>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63580202ddcd00000000000000000000000000000000000000000202020202ade08702023cd92e002e32870c11844cca2c5f7d3a7cc7bd094eafcd9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e9040880000136533280202023cea072000001de02976020202474a9493141407095a75da5faea6b12c7fe17678ba2d26c194d7e882268b0000</w:t>
      </w:r>
      <w:r w:rsidRPr="005B592D">
        <w:rPr>
          <w:rFonts w:ascii="Courier New" w:hAnsi="Courier New" w:cs="Courier New"/>
        </w:rPr>
        <w:t>5148020202d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4470202020202020202020202020202020202020202020202020202020202020202020202020202020202020202c9440000000000b9ed4d5072cec6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8bce02020202020233200000000000ca5c0202020202028fe30000000000001498af86bc2e000000000000a58002020248c22000000000</w:t>
      </w:r>
      <w:r w:rsidRPr="005B592D">
        <w:rPr>
          <w:rFonts w:ascii="Courier New" w:hAnsi="Courier New" w:cs="Courier New"/>
        </w:rPr>
        <w:t>0000317984e31d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e31e020254930000000000e147020276700000000000002e2dbe020202020202020202025c52000000000000000000000000000000000000a33a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5910000000000000867619c6000000000000c445020202578b0000000000006b67a96744000000000000987c0202879c0000000000</w:t>
      </w:r>
      <w:r w:rsidRPr="005B592D">
        <w:rPr>
          <w:rFonts w:ascii="Courier New" w:hAnsi="Courier New" w:cs="Courier New"/>
        </w:rPr>
        <w:t>08090202020202b1b9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5e4702a22f0000000000000000000000000000000000005f3e0202331300000000b94d02025d031400000000000000440902025c3392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e9cb084d04400000000000063580202ddcd00000000000000000000000000000000000000000202020202ade08702023c232e00</w:t>
      </w:r>
      <w:r w:rsidRPr="005B592D">
        <w:rPr>
          <w:rFonts w:ascii="Courier New" w:hAnsi="Courier New" w:cs="Courier New"/>
        </w:rPr>
        <w:t>44a0870c71b8cfc289c8b0d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f4bceb638d9093c02020282697c745d020202027d0c200000000000001d61de5d0202025d4685258f0202025c8260c716c805607a99ba774577c7af8682456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5148020202df3d3b02020202020202020202020202020202020202020202020202020202020202020202020202020202</w:t>
      </w:r>
      <w:r w:rsidRPr="005B592D">
        <w:rPr>
          <w:rFonts w:ascii="Courier New" w:hAnsi="Courier New" w:cs="Courier New"/>
        </w:rPr>
        <w:t>02020202a30000000000009d48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3c0e2000000000146847020202020233200000000000ca5c020202020202d21400000000002ec8595d3c82620800000000001dd95d02027431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687b5d3c87a66b000000000063eb020254930000000000e147025d0e13000000000000b64202020202020202020202</w:t>
      </w:r>
      <w:r w:rsidRPr="005B592D">
        <w:rPr>
          <w:rFonts w:ascii="Courier New" w:hAnsi="Courier New" w:cs="Courier New"/>
        </w:rPr>
        <w:t>025c52000000000000af43717171717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17171712c504802020275cb00000000000bd5300000000000003825020202416600000000002e55695d3c874c98000000000000d80202879c0000000000080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b1b900000000005e47025dc81d0000000000000000000000000000000000e85d0202331300000000b9</w:t>
      </w:r>
      <w:r w:rsidRPr="005B592D">
        <w:rPr>
          <w:rFonts w:ascii="Courier New" w:hAnsi="Courier New" w:cs="Courier New"/>
        </w:rPr>
        <w:t>4d02027d160000000000000000440902027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f000000000000bc4c455d3c3a95cd000000000063580202ddcd00000000009b60717171717171717171717100000202020202ad5fbe5d483aa300001311bea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7a4539189061c89dcb7983d725d02020202020202020202020248dea59855140000000000a581a5113c0202</w:t>
      </w:r>
      <w:r w:rsidRPr="005B592D">
        <w:rPr>
          <w:rFonts w:ascii="Courier New" w:hAnsi="Courier New" w:cs="Courier New"/>
        </w:rPr>
        <w:t>02020202020202020202021ead9baa0e587e1a9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bafd7d6a182476b0000e006485d5dab8a870202020202020202020202020202020202020202020202020202020202020202020202020202020202020202af9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292929263ba020202025d0e200000000000948f020202020233200000000000ca5c0202020202289400</w:t>
      </w:r>
      <w:r w:rsidRPr="005B592D">
        <w:rPr>
          <w:rFonts w:ascii="Courier New" w:hAnsi="Courier New" w:cs="Courier New"/>
        </w:rPr>
        <w:t>000000001437280202020287db200000000000a159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600000000000001622020202022251000000000014975d02549300000000005fb502e5c600000000000031890202020202020202020202025c52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c1020202020202020202020202020202025de91400000000000420000000000014a65d020202e5</w:t>
      </w:r>
      <w:r w:rsidRPr="005B592D">
        <w:rPr>
          <w:rFonts w:ascii="Courier New" w:hAnsi="Courier New" w:cs="Courier New"/>
        </w:rPr>
        <w:t>8d00000000000805020202025dd8000000000000883c028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c000000000008090202020202b1b900000000005e470202540b000000000000141414140000000000001443020202331300000000b94d025d1f14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44090202ec1d00000000000d4f480202483abe498b0000000063580202ddcd00000000</w:t>
      </w:r>
      <w:r w:rsidRPr="005B592D">
        <w:rPr>
          <w:rFonts w:ascii="Courier New" w:hAnsi="Courier New" w:cs="Courier New"/>
        </w:rPr>
        <w:t>00a540020202020202020202020200000202020202adb9943de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d6400002e7a28eba64b45d405125e15240e09025a5d094a5ddd0602020202020287dcc68adda614000000000094062793db280202020202025d8528de73026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a41dcc41551d589e2535890b447098b0000a78ced840ce09a8702020202020202020202</w:t>
      </w:r>
      <w:r w:rsidRPr="005B592D">
        <w:rPr>
          <w:rFonts w:ascii="Courier New" w:hAnsi="Courier New" w:cs="Courier New"/>
        </w:rPr>
        <w:t>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5b73d4d4d4d4d4be025c224bc204000000000000a9be020202020233200000000000ca5c02020202025baa0000000000c675020202020202599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142c025d9900000000001dad020202020202198b00000000002a450254</w:t>
      </w:r>
      <w:r w:rsidRPr="005B592D">
        <w:rPr>
          <w:rFonts w:ascii="Courier New" w:hAnsi="Courier New" w:cs="Courier New"/>
        </w:rPr>
        <w:t>93000000000000bc7da400000000000020da87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5c5200000000000077405959595959595959225d02020202020282b714000000000000000000001dac3a020202029e0000000000008a5d0202020202b5a7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cd4102879c000000000008090202020202b1b900000000005e470202</w:t>
      </w:r>
      <w:r w:rsidRPr="005B592D">
        <w:rPr>
          <w:rFonts w:ascii="Courier New" w:hAnsi="Courier New" w:cs="Courier New"/>
        </w:rPr>
        <w:t>456600000000006b5e27277f9200000000002f45020202331300000000b94d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c0b0000000000000000004409020277000000000000ac870202020561305f8b0000000063580202ddcd0000000000d3582259595959595959598f020000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5bd03d66831140000001b9a9177a955b62f65c1535a3c0202cac5</w:t>
      </w:r>
      <w:r w:rsidRPr="005B592D">
        <w:rPr>
          <w:rFonts w:ascii="Courier New" w:hAnsi="Courier New" w:cs="Courier New"/>
        </w:rPr>
        <w:t>535f0523db3b02020202470e158c2202d5140000000000b05d8fea9bc847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4ee40a9c294ce4260202767c32a82f07c7c43d99bf56000000001db0add50e573c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be801c77ae081d00</w:t>
      </w:r>
      <w:r w:rsidRPr="005B592D">
        <w:rPr>
          <w:rFonts w:ascii="Courier New" w:hAnsi="Courier New" w:cs="Courier New"/>
        </w:rPr>
        <w:t>00000000002edb3c020202020233200000000000ca5c020202020275040000000000668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860000000000000e02225500000000006d7502020202020282dc33333333cf435d025493000000000000149b920000000000003776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5c520000000000008de32f2f2f2f2f2f2f</w:t>
      </w:r>
      <w:r w:rsidRPr="005B592D">
        <w:rPr>
          <w:rFonts w:ascii="Courier New" w:hAnsi="Courier New" w:cs="Courier New"/>
        </w:rPr>
        <w:t>2fb78002020202020202059b000000000000000000002f250202020202860000000000006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471ccf3333333360be02879c000000000063d7c1c1c1c1ca0c4400000000005e470202022b1300000000920a3b3bb5200000000044bb020202023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300000000b94d596e140000000000000000004409023b67</w:t>
      </w:r>
      <w:r w:rsidRPr="005B592D">
        <w:rPr>
          <w:rFonts w:ascii="Courier New" w:hAnsi="Courier New" w:cs="Courier New"/>
        </w:rPr>
        <w:t>000000000014c5020202024c000000000000000063580202ddcd000000000013a12f2f2f2f2f2f2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f619d48000002020202020202020282ad08000000005f7996bf2160585d0202020202265504d70ba49c814602020202b40d97450202d5140000000000b05d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cce08175d020202be7018b02eb7aa9c7e0202020202</w:t>
      </w:r>
      <w:r w:rsidRPr="005B592D">
        <w:rPr>
          <w:rFonts w:ascii="Courier New" w:hAnsi="Courier New" w:cs="Courier New"/>
        </w:rPr>
        <w:t>3c265332527f2d56200000000ba390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220f841814000000000000000000006d6a02020202020233200000000000ca5c0202020202b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00000000000995c020202020202027800000000</w:t>
      </w:r>
      <w:r w:rsidRPr="005B592D">
        <w:rPr>
          <w:rFonts w:ascii="Courier New" w:hAnsi="Courier New" w:cs="Courier New"/>
        </w:rPr>
        <w:t>00009702092f0000000000bce202020202020202020202020202020202549300000000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8ba02020202020202020202020202025c520000000000000000000000000000000083250202020202020248d62000000000000000001d60020202020245a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1dc00202020202020202020202</w:t>
      </w:r>
      <w:r w:rsidRPr="005B592D">
        <w:rPr>
          <w:rFonts w:ascii="Courier New" w:hAnsi="Courier New" w:cs="Courier New"/>
        </w:rPr>
        <w:t>0202020202879c000000000000000000000000000000000000005e4702020258a50000000000d50202df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641a02020202331300000000b94d608b00000000000000000000440902763500000000004405020202024c000000000000000063580202ddcd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00a34800000202</w:t>
      </w:r>
      <w:r w:rsidRPr="005B592D">
        <w:rPr>
          <w:rFonts w:ascii="Courier New" w:hAnsi="Courier New" w:cs="Courier New"/>
        </w:rPr>
        <w:t>02020202020202025dde5f000000614376455d02020202020202baaa200020001d1413c0020202c05fca46020202d51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b05d020287ad18d25d0202dec60020002e2e2ecdb43c0202020202025c3b4569551400006bc547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</w:t>
      </w:r>
      <w:r w:rsidRPr="005B592D">
        <w:rPr>
          <w:rFonts w:ascii="Courier New" w:hAnsi="Courier New" w:cs="Courier New"/>
        </w:rPr>
        <w:t>020202020202020202020202020202020202456034a7140000000000000000000000b93248020202020202332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a5c0202020202332e0000000000210202020202020202030000000000005e48585f00000000003590020202020202020202020202020202025493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8b335d02</w:t>
      </w:r>
      <w:r w:rsidRPr="005B592D">
        <w:rPr>
          <w:rFonts w:ascii="Courier New" w:hAnsi="Courier New" w:cs="Courier New"/>
        </w:rPr>
        <w:t>020202020202020202020202025c5200000000000000000000000000000000c6250202020202020202401f2e0000000000001da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80202020202221b000000000013b502020202020202020202020202020202879c000000000000000000000000000000000000005e4702020247a3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a2845840000000000b0</w:t>
      </w:r>
      <w:r w:rsidRPr="005B592D">
        <w:rPr>
          <w:rFonts w:ascii="Courier New" w:hAnsi="Courier New" w:cs="Courier New"/>
        </w:rPr>
        <w:t>be02020202331300000000c3b165000000006b072e000000004409026faa0000000000936a020202024c00000000000000006358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dcd00000000000000000000000000000000d7480000020202020202020202020202a013000000c6c54502020202020202503000000000000000444b02027ba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f8202020202d514</w:t>
      </w:r>
      <w:r w:rsidRPr="005B592D">
        <w:rPr>
          <w:rFonts w:ascii="Courier New" w:hAnsi="Courier New" w:cs="Courier New"/>
        </w:rPr>
        <w:t>0000000000b05d02020228d8bc0a02027c980000000000000016a05d0202020202025c4a2f140000141f8f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3c21a70000000000000000000000000018d245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3320000000</w:t>
      </w:r>
      <w:r w:rsidRPr="005B592D">
        <w:rPr>
          <w:rFonts w:ascii="Courier New" w:hAnsi="Courier New" w:cs="Courier New"/>
        </w:rPr>
        <w:t>0000ca5c0202020202dc1d00000000006c02020202020202020e0000000000009a5c80e000000000005f3e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5493000000000000000000000000140c3a0202020202020202020202020202025c5200000000000000000000000000000000c62502020202020202020289a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</w:t>
      </w:r>
      <w:r w:rsidRPr="005B592D">
        <w:rPr>
          <w:rFonts w:ascii="Courier New" w:hAnsi="Courier New" w:cs="Courier New"/>
        </w:rPr>
        <w:t>0000c371020202020202469c000000000044d402020202020202020202020202020202879c000000000000000000000000000000000000005e47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430000000000641a805f0000000000dc0202020202331300000000630c6b000000142dca1400000000440902223800000000000dd4020202027e159c9c9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c9c</w:t>
      </w:r>
      <w:r w:rsidRPr="005B592D">
        <w:rPr>
          <w:rFonts w:ascii="Courier New" w:hAnsi="Courier New" w:cs="Courier New"/>
        </w:rPr>
        <w:t>9c1b5f900202ddcd00000000000000000000000000000000d74800000202020202020202020202025ab60000000020a9400202020205b03114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e93d8be0282a9a1580202020202d5140000000000b05d02020202bec4c728025d12cd1d00000000000063b60f020202028fca0d000000006389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4e1d00000000000000000000000b389d7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c020202020202020233200000000000ca5c02020202022c130000000000865d02020202020202d80000000000002102a2ae00000000006450020202020202</w:t>
      </w:r>
      <w:r w:rsidRPr="005B592D">
        <w:rPr>
          <w:rFonts w:ascii="Courier New" w:hAnsi="Courier New" w:cs="Courier New"/>
        </w:rPr>
        <w:t>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54930000000000000000000000003885020202020202020202020202020202025c5200000000000000000000000000000000c625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821f1400000000000014792802020202023be300000000002eb102020202020202020202020202020202879c000000000000000000000000</w:t>
      </w:r>
      <w:r w:rsidRPr="005B592D">
        <w:rPr>
          <w:rFonts w:ascii="Courier New" w:hAnsi="Courier New" w:cs="Courier New"/>
        </w:rPr>
        <w:t>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5e4702020202459f000000001333956b00000000c6260202020202331300000000002e000000005f25d1140000000044090247b600000000002043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3cbebebebebebebebe455c0202ddcd00000000000000000000000000000000a348000002020202020202020202020247991400000000447f</w:t>
      </w:r>
      <w:r w:rsidRPr="005B592D">
        <w:rPr>
          <w:rFonts w:ascii="Courier New" w:hAnsi="Courier New" w:cs="Courier New"/>
        </w:rPr>
        <w:t>820202028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7000000143194d9d2c07602021c8ddc5d0202020202d5140000000000b05d0202020202759bea3c02877c29cae1cd14000000162502020248320b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d2602020202020202020202020202020202020202020202020202020202020202020202020202020202020202020202020202020202452d00</w:t>
      </w:r>
      <w:r w:rsidRPr="005B592D">
        <w:rPr>
          <w:rFonts w:ascii="Courier New" w:hAnsi="Courier New" w:cs="Courier New"/>
        </w:rPr>
        <w:t>0000000000001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00437784c585d0202020202020202020233200000000000ca5c02020202027c6d000000000030410202020202025c70000000000000bb0206510000000000b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a0202020202024589959595957172480254930000000000000000000000006622020202020202020202020202020202025c5200000000</w:t>
      </w:r>
      <w:r w:rsidRPr="005B592D">
        <w:rPr>
          <w:rFonts w:ascii="Courier New" w:hAnsi="Courier New" w:cs="Courier New"/>
        </w:rPr>
        <w:t>00002f21e8e8e8e8e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8e8e8c8260202020202020202df0d000000000000000092b4020202020202d70000000000000302020202020287757195959571c05d02879c0000000000001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0202020201d0000000000005e4702020202027f00000000007f491400000000943a0202020202331300000000000000000000bd47</w:t>
      </w:r>
      <w:r w:rsidRPr="005B592D">
        <w:rPr>
          <w:rFonts w:ascii="Courier New" w:hAnsi="Courier New" w:cs="Courier New"/>
        </w:rPr>
        <w:t>ca14000000004409025c9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9e020202020202025d5d5d5d5d5d3c020202ddcd000000000093b36ce8e8e8e8e8e8e8d8115c000002020202020202020202020202a62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ea02020202de13000007e2020202020202822f9102020202020202d5140000000000b05d02020202025dda150a020202</w:t>
      </w:r>
      <w:r w:rsidRPr="005B592D">
        <w:rPr>
          <w:rFonts w:ascii="Courier New" w:hAnsi="Courier New" w:cs="Courier New"/>
        </w:rPr>
        <w:t>020202228a2000447a48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398000000000000700202020202020202020202020202020202020202020202020202020202020202020202020202020202020202020202020202020202268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2e1bc8c0465c474545454545870202020202020233200000000000ca5c02020202023f3000000000000bab02</w:t>
      </w:r>
      <w:r w:rsidRPr="005B592D">
        <w:rPr>
          <w:rFonts w:ascii="Courier New" w:hAnsi="Courier New" w:cs="Courier New"/>
        </w:rPr>
        <w:t>0202020202720d00000000006373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cd10000000000005e02020202025cec8b0000000000273b0254930000000000d3610000000000208abe0202020202020202020202020202025c52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ca02020202020202020202020202020202025c4a8d000000000000000000001b730202020202601d0000000000c7</w:t>
      </w:r>
      <w:r w:rsidRPr="005B592D">
        <w:rPr>
          <w:rFonts w:ascii="Courier New" w:hAnsi="Courier New" w:cs="Courier New"/>
        </w:rPr>
        <w:t>4602020202024b630000000000e35d028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c0000000000c3338989898989490b00000000005e470202020202193100000000926d000000000d600202020202023313000000000000000000cb403cca14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44090202d500000000000067be02020202027b2430070707ae52020202ddcd0000000000384602020202</w:t>
      </w:r>
      <w:r w:rsidRPr="005B592D">
        <w:rPr>
          <w:rFonts w:ascii="Courier New" w:hAnsi="Courier New" w:cs="Courier New"/>
        </w:rPr>
        <w:t>020202020202020000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33440000000000007987020202591600003202020202020202579c7d02020202020202d5140000000000b05d0202020202027483b8020202020202020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d00a74c02020202128b000000000000a30202025c02020202020202020202020202020202020202020202</w:t>
      </w:r>
      <w:r w:rsidRPr="005B592D">
        <w:rPr>
          <w:rFonts w:ascii="Courier New" w:hAnsi="Courier New" w:cs="Courier New"/>
        </w:rPr>
        <w:t>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a2300000000000107d5d0202822d67666666379d023b4747474747ce200000000000ed4547474747473acc0000000000001b095c020202223d1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51820202952e00000000000d1a4802020274700000000000203248025493000000000096</w:t>
      </w:r>
      <w:r w:rsidRPr="005B592D">
        <w:rPr>
          <w:rFonts w:ascii="Courier New" w:hAnsi="Courier New" w:cs="Courier New"/>
        </w:rPr>
        <w:t>7e0b00000000002003be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5c520000000000006c3a47474747474747474747480202020202065614000000002e20000000002e703a02020202259f0000000000a7dc5d02020247cc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3d0202879c000000000008090202020202b1b900000000005e47020202020240510000</w:t>
      </w:r>
      <w:r w:rsidRPr="005B592D">
        <w:rPr>
          <w:rFonts w:ascii="Courier New" w:hAnsi="Courier New" w:cs="Courier New"/>
        </w:rPr>
        <w:t>0000000000000000e3260202020202023313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209d023cca1400000000440902027c040000000000a7605d0202025d0e00000000002ee9020202ddcd00000000001026474747474747474747473b0000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3c501212de873344000000000000a542020202e2a700140502020202020246c4</w:t>
      </w:r>
      <w:r w:rsidRPr="005B592D">
        <w:rPr>
          <w:rFonts w:ascii="Courier New" w:hAnsi="Courier New" w:cs="Courier New"/>
        </w:rPr>
        <w:t>7f3a02020202020202d5140000000000b05d02020202020202239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e02020202020290350044bb5c020248d7000000000000002702e2dfad715d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22b700000000006606020202c0b900000000006c5c</w:t>
      </w:r>
      <w:r w:rsidRPr="005B592D">
        <w:rPr>
          <w:rFonts w:ascii="Courier New" w:hAnsi="Courier New" w:cs="Courier New"/>
        </w:rPr>
        <w:t>bb3dbfbfbf5eb62e0000000000a5bfbfbfbfbf7f224d2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8b25b8071e18b00000000000b335c02020638000000000000a5abe67b4db02e00000000006d53020254930000000000e145176b000000000063785d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5c52000000000000a59abfbfbfbfbfbfbfbfbf6872020202</w:t>
      </w:r>
      <w:r w:rsidRPr="005B592D">
        <w:rPr>
          <w:rFonts w:ascii="Courier New" w:hAnsi="Courier New" w:cs="Courier New"/>
        </w:rPr>
        <w:t>025dad000000000000b6861400000000009e5d02020228bf1400000000000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ee509e5e86b000000000020ea0202879c000000000008090202020202b1b900000000005e470202020202023300000000000000000000da020202020202023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30000000000000000ae90023cca14000000004409020245d72e0000000000</w:t>
      </w:r>
      <w:r w:rsidRPr="005B592D">
        <w:rPr>
          <w:rFonts w:ascii="Courier New" w:hAnsi="Courier New" w:cs="Courier New"/>
        </w:rPr>
        <w:t>83ad7c09509d3100000000001b85020202ddcd0000000000b9e4bfbfbfbfbfbfb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fbf3dbb0000020202020202027ed38b8b8d778c200000000000001be25d221aaf0000140502020202020211634c4646464646464676db140000000000c4594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646464646460ad3295c020202020209a1000035de6fbe5db000000000</w:t>
      </w:r>
      <w:r w:rsidRPr="005B592D">
        <w:rPr>
          <w:rFonts w:ascii="Courier New" w:hAnsi="Courier New" w:cs="Courier New"/>
        </w:rPr>
        <w:t>0000006ece9c441db9da3a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5dca000000000092b77a1297160000000000926048b0000000000000000000000000000000000000444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b9a8b0000000000146b989bb91400000000000070400202025c29</w:t>
      </w:r>
      <w:r w:rsidRPr="005B592D">
        <w:rPr>
          <w:rFonts w:ascii="Courier New" w:hAnsi="Courier New" w:cs="Courier New"/>
        </w:rPr>
        <w:t>6b00000000000092989f312e000000000000798f020254930000000000e1478f972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d39470202020202020202020202025c5200000000000000000000000000000000006b1c020202022b8300000000000457e2a10000000000164b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d930000000000008b08150820000000000000077b0202879c</w:t>
      </w:r>
      <w:r w:rsidRPr="005B592D">
        <w:rPr>
          <w:rFonts w:ascii="Courier New" w:hAnsi="Courier New" w:cs="Courier New"/>
        </w:rPr>
        <w:t>000000000008090202020202b1b900000000005e4702020202020274c6000000000000000031b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33130000000000000092715c023cca14000000004409020202b598000000000000446d15c6440000000000008c3a020202ddcd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0000860000020202020202029a00</w:t>
      </w:r>
      <w:r w:rsidRPr="005B592D">
        <w:rPr>
          <w:rFonts w:ascii="Courier New" w:hAnsi="Courier New" w:cs="Courier New"/>
        </w:rPr>
        <w:t>2e8d8b1d6b00000000000000103eba36162e000000ea0202020202025e1d676e6e6e6e6e6e6ea8d3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6d6e6e6e6e6e6e6e6e56c3e18202020202027dcd00000008240387a90000000000000044631dcd0b003858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</w:t>
      </w:r>
      <w:r w:rsidRPr="005B592D">
        <w:rPr>
          <w:rFonts w:ascii="Courier New" w:hAnsi="Courier New" w:cs="Courier New"/>
        </w:rPr>
        <w:t>020202020202020202027c2e000000000000000000000000000000357b4894000000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4442027481000000000000000000000000000000003105020202020206af000000000000000000000000000000008d530202025493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147025a51140000000000044f020202020202</w:t>
      </w:r>
      <w:r w:rsidRPr="005B592D">
        <w:rPr>
          <w:rFonts w:ascii="Courier New" w:hAnsi="Courier New" w:cs="Courier New"/>
        </w:rPr>
        <w:t>0202020202025c5200000000000000000000000000000000006b1c02020226c6000000000000797602d5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513a020202026c2e0000000000000000000000000000002e115c0202879c000000000008090202020202b1b900000000005e470202020202023ae7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3676020202020202023313</w:t>
      </w:r>
      <w:r w:rsidRPr="005B592D">
        <w:rPr>
          <w:rFonts w:ascii="Courier New" w:hAnsi="Courier New" w:cs="Courier New"/>
        </w:rPr>
        <w:t>00000000000000a44502023cca14000000004409020202029d1d000000000000000000000000000000317b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dcd000000000000000000000000000000000086000002020202020202a4006e097c0c2e00000000000000705ac7000000000000e3734802020241d3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000000000000</w:t>
      </w:r>
      <w:r w:rsidRPr="005B592D">
        <w:rPr>
          <w:rFonts w:ascii="Courier New" w:hAnsi="Courier New" w:cs="Courier New"/>
        </w:rPr>
        <w:t>0000000000000000001bdd0202024842a8140000000000a15bd61d0000000000000064b276df1415b5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48ca6b000000000000000000000000001333484894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00000000</w:t>
      </w:r>
      <w:r w:rsidRPr="005B592D">
        <w:rPr>
          <w:rFonts w:ascii="Courier New" w:hAnsi="Courier New" w:cs="Courier New"/>
        </w:rPr>
        <w:t>0044420202d4a5140000000000000000000000000015b25d020202020202269620000000000000000000000000000dbb3b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54930000000000e1470202e66100000000000031335d020202020202020202025c5200000000000000000000000000000000006b1c020282cc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705020226350000000000</w:t>
      </w:r>
      <w:r w:rsidRPr="005B592D">
        <w:rPr>
          <w:rFonts w:ascii="Courier New" w:hAnsi="Courier New" w:cs="Courier New"/>
        </w:rPr>
        <w:t>44da470202025a771300000000000000000000000000137f5d020202879c000000000008090202020202b1b900000000005e47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c96b0000000000008b394802020202020202331300000000000031890202023cca1400000000440902020202406c0b000000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c6335c02020202dd</w:t>
      </w:r>
      <w:r w:rsidRPr="005B592D">
        <w:rPr>
          <w:rFonts w:ascii="Courier New" w:hAnsi="Courier New" w:cs="Courier New"/>
        </w:rPr>
        <w:t>cd000000000000000000000000000000000086000002020202020202b800e7be02e6a500000000000000170e200000000000002e10a05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5393000000000000000000000000000000000000000000000000000000008bc90202025488000000000000008b9a95cd00000000000044ea5d024c1da17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8f8e440000000000000000000000934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a024894000000000000000000000000000000000000444202025c72c41d0000000000000000000014ae195c020202020202020226d713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b9e945</w:t>
      </w:r>
      <w:r w:rsidRPr="005B592D">
        <w:rPr>
          <w:rFonts w:ascii="Courier New" w:hAnsi="Courier New" w:cs="Courier New"/>
        </w:rPr>
        <w:t>0202020254930000000000e1470202024c930000000000000843020202020202020202025c5200000000000000000000000000000000006b1c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ca700000000001d525d0202489e1300000000003189020202028f8e9300000000000000000000001d916f02020202879c000000000008090202020202b1b9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</w:t>
      </w:r>
      <w:r w:rsidRPr="005B592D">
        <w:rPr>
          <w:rFonts w:ascii="Courier New" w:hAnsi="Courier New" w:cs="Courier New"/>
        </w:rPr>
        <w:t>005e47020202020202027bbc000000000000181a02020202020202023313000000000000b0450202023cca140000000044090202020202be3983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141bb1870202020202ddcd0000000000000000000000000000000000860000020202020202024ab95f90025d8c2e0000000000209814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</w:t>
      </w:r>
      <w:r w:rsidRPr="005B592D">
        <w:rPr>
          <w:rFonts w:ascii="Courier New" w:hAnsi="Courier New" w:cs="Courier New"/>
        </w:rPr>
        <w:t>000000006676020202cf1300000000000000000000000000000000000000000000000000000000002d02020206a9000000000000000000b963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a2802025200785d0202020202020202020202020202020202020202020202020202020202020202020202020202020202020202020202020248baa81814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2e08c485020202485ec3040404040404040404040404040404040408a2020202025d5724c300000000000013e38e4502020202020202020202023c73c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800000000000014c6b0dd5c02020202024d150404040404bf3a0202025d328d040404040404a5730202020202020202025ccac304040404040404040404</w:t>
      </w:r>
      <w:r w:rsidRPr="005B592D">
        <w:rPr>
          <w:rFonts w:ascii="Courier New" w:hAnsi="Courier New" w:cs="Courier New"/>
        </w:rPr>
        <w:t>040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4040404c62c02259c040404040404d0580202020222c7c3040404040455760202020202e21f161d000000000014c32a545c020202020287e30404040404bc7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4a9b0404040404773a020202020202020297b904040404c3e13c0202020202020202b26d0404040404c67d020202023cdb040404040408</w:t>
      </w:r>
      <w:r w:rsidRPr="005B592D">
        <w:rPr>
          <w:rFonts w:ascii="Courier New" w:hAnsi="Courier New" w:cs="Courier New"/>
        </w:rPr>
        <w:t>74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93d641d0000000000209c526f0202020202020280aa04040404040404040404040404040404c35e0000020202020202022655444f02023344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0000000d110202023c232e000000000000000000000000000000000000000000000000000000000055480202024b200000</w:t>
      </w:r>
      <w:r w:rsidRPr="005B592D">
        <w:rPr>
          <w:rFonts w:ascii="Courier New" w:hAnsi="Courier New" w:cs="Courier New"/>
        </w:rPr>
        <w:t>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520202589c837b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5c227cc5edbf8a7fcadce5400202020202587d7c7c7c7c7c7c7c7c7c7c7c7c7c7c7c7c7c738702020202025c1ede32523d8ab30e9542</w:t>
      </w:r>
      <w:r w:rsidRPr="005B592D">
        <w:rPr>
          <w:rFonts w:ascii="Courier New" w:hAnsi="Courier New" w:cs="Courier New"/>
        </w:rPr>
        <w:t>5d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40b529ca5e1f9ad133b5060202020202020282727c7c7c7c7d585c020202028fd47c7c7c7c7c7c7c1e02020202020202020202097d7c7c7c7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c7c7c7c7c7c7c7c7c7c7c7c7c4602267d7c7c7c7c7c7d253c0202020202dd7d7c7c7c7c7cd4be0202020202022885c978991fbfed29</w:t>
      </w:r>
      <w:r w:rsidRPr="005B592D">
        <w:rPr>
          <w:rFonts w:ascii="Courier New" w:hAnsi="Courier New" w:cs="Courier New"/>
        </w:rPr>
        <w:t>0a415c0202020202025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a7d7c7c7c7ce587020202020276737c7c7c7c7d3e5c02020202020202023f7d7c7c7c7c7d3e020202020202020202597c7c7c7c7c7cb5870202020202747c7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c7c7c738702020202020202028f25c9c12d1f7fc8115b45020202020202020247b57c7c7c7c7c7c7c7c7c7c7c7c7c7c7c7c7d58</w:t>
      </w:r>
      <w:r w:rsidRPr="005B592D">
        <w:rPr>
          <w:rFonts w:ascii="Courier New" w:hAnsi="Courier New" w:cs="Courier New"/>
        </w:rPr>
        <w:t>0000020202020202020295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68202056b000000000000000000000000000000071e0202025d33a9a9a9a9a91f2d8aa9a98ae31400000000001ba9a9a9a9a9a9a9a9a9a9a9213b020202489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00000000000014df02459944c83c020202020202020202020202020202020202020202020202020202</w:t>
      </w:r>
      <w:r w:rsidRPr="005B592D">
        <w:rPr>
          <w:rFonts w:ascii="Courier New" w:hAnsi="Courier New" w:cs="Courier New"/>
        </w:rPr>
        <w:t>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000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3a6e0db1028093000000000000000d2fd015a72e1d93c95c020202477b5a8fbebebe74c5e2be</w:t>
      </w:r>
      <w:r w:rsidRPr="005B592D">
        <w:rPr>
          <w:rFonts w:ascii="Courier New" w:hAnsi="Courier New" w:cs="Courier New"/>
        </w:rPr>
        <w:t>be45322e00000000009928bebebebebebebebeb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f58820202020272341d2e0b9fe3076d00000000000000924302e2089fe5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0000202020202825b50587f145ebe3a2f0000000000002e6c82bee24c0ed67e5d02020202dce0d942020202e28b19020202122e0000000000275c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8f493521450202025c50ad8ea0258f4733000000000000003858026200</w:t>
      </w:r>
      <w:r w:rsidRPr="005B592D">
        <w:rPr>
          <w:rFonts w:ascii="Courier New" w:hAnsi="Courier New" w:cs="Courier New"/>
        </w:rPr>
        <w:t>9c7c507c7448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0000202025d60a504c3931300a5263ca004</w:t>
      </w:r>
      <w:r w:rsidRPr="005B592D">
        <w:rPr>
          <w:rFonts w:ascii="Courier New" w:hAnsi="Courier New" w:cs="Courier New"/>
        </w:rPr>
        <w:t>0000000000001f82020202484802020202023f562fde5d0202c0ed13cc0f3c02122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275c02020202020202025c722aa52502020202025c4802020245d900000000000000d64702e8002e93c3a7c6e840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000020202259b00000000000038267b3f5e00000000000013685b020202020202022859d95fdd262202020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e838e4a3c02122e0000000000275c02020202020202</w:t>
      </w:r>
      <w:r w:rsidRPr="005B592D">
        <w:rPr>
          <w:rFonts w:ascii="Courier New" w:hAnsi="Courier New" w:cs="Courier New"/>
        </w:rPr>
        <w:t>0245a2260cb3064602020202020202458cb900000000000083093e028c0000000000008b7a3c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</w:t>
      </w:r>
      <w:r w:rsidRPr="005B592D">
        <w:rPr>
          <w:rFonts w:ascii="Courier New" w:hAnsi="Courier New" w:cs="Courier New"/>
        </w:rPr>
        <w:t>0202020202020202020202020000020202ad0000000000001d97450923b50800000000000000c3e8058f0202025d96b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5ca6208640a020280a70a020202122e0000000000275c02020202020202695683e9ea5fc59626020202457cd1aa140000000000000d294c7c02578b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c72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00002025db0922e0020136b8158023b883329b90000000000441d1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de17e45023cb7e3</w:t>
      </w:r>
      <w:r w:rsidRPr="005B592D">
        <w:rPr>
          <w:rFonts w:ascii="Courier New" w:hAnsi="Courier New" w:cs="Courier New"/>
        </w:rPr>
        <w:t>2035882d0ebe0202571412020202122e0000000000275c0202020202020287602751e3a7613009023a53bf982e001314000000001dc8dd6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50246a39363131d2e638d25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</w:t>
      </w:r>
      <w:r w:rsidRPr="005B592D">
        <w:rPr>
          <w:rFonts w:ascii="Courier New" w:hAnsi="Courier New" w:cs="Courier New"/>
        </w:rPr>
        <w:t>02020202020202020202020202020202020202020202020202020202020202020202020202020202020200000202e22a2998b7c5604d82020202a4cd7bd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4000000a7c5560000004436b502eb1300c77c5d020202029100e1480202122e0000000000275c0202020202020202023b85cc8b008c48097792000000c3d29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2e96265ed074020248254360bdcdbbd760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00002025825b5</w:t>
      </w:r>
      <w:r w:rsidRPr="005B592D">
        <w:rPr>
          <w:rFonts w:ascii="Courier New" w:hAnsi="Courier New" w:cs="Courier New"/>
        </w:rPr>
        <w:t>d659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e400773e941d00153306331400000000a54fb16d939c10da5a0202027e9fa0020202122e0000000000275c02020202020202023a9d385f6d1dad4ce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b00000014a982ba2f1d00e3e5786388260202020202025db24c766a0202020202020202020202020202020202020202020202020202020202</w:t>
      </w:r>
      <w:r w:rsidRPr="005B592D">
        <w:rPr>
          <w:rFonts w:ascii="Courier New" w:hAnsi="Courier New" w:cs="Courier New"/>
        </w:rPr>
        <w:t>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3c060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aba897d8059470202020202020202020202020202020202020202020202020202020202020202020202020202020202020282b5ecb243</w:t>
      </w:r>
      <w:r w:rsidRPr="005B592D">
        <w:rPr>
          <w:rFonts w:ascii="Courier New" w:hAnsi="Courier New" w:cs="Courier New"/>
        </w:rPr>
        <w:t>dd765c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3a267dc9d2dc4d09be02020202020202025c825a262245020202020202020202020202020202020202020202482822261e5a4645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3b097eb2577d263b0202</w:t>
      </w:r>
      <w:r w:rsidRPr="005B592D">
        <w:rPr>
          <w:rFonts w:ascii="Courier New" w:hAnsi="Courier New" w:cs="Courier New"/>
        </w:rPr>
        <w:t>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000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c024082020202025c6f75cee0006377dd56154a25d1901600000000000bcb2fba71da7e590202023b733a020202292e000000</w:t>
      </w:r>
      <w:r w:rsidRPr="005B592D">
        <w:rPr>
          <w:rFonts w:ascii="Courier New" w:hAnsi="Courier New" w:cs="Courier New"/>
        </w:rPr>
        <w:t>0000b35c02020202020202024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93957ba968da70000000000cd0ad21c90c45f53b26b00cd490f585d020202023a59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e589191919191919191919191919191919191919191919191919191919191919191919</w:t>
      </w:r>
      <w:r w:rsidRPr="005B592D">
        <w:rPr>
          <w:rFonts w:ascii="Courier New" w:hAnsi="Courier New" w:cs="Courier New"/>
        </w:rPr>
        <w:t>191919194d45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481ad62a9b632e2e8b8d3068b246020202020202020202020202020202487db4ececececb4b50202020202020202020202020202020254946b00002e3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ad2470202020202020202020202020202027c5238920000008b9f3d4cbe02020202025db2c435e0c72dd222020202</w:t>
      </w:r>
      <w:r w:rsidRPr="005B592D">
        <w:rPr>
          <w:rFonts w:ascii="Courier New" w:hAnsi="Courier New" w:cs="Courier New"/>
        </w:rPr>
        <w:t>02020202020202020202020202025dd40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681109c35569adf855d0202020202020202020202020202020282ececececececb13c02020202020202020202020202020246da151d000044a16c255c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000020202020202025c40b4a99fb94414000044c82569b52f084dc22e0000000000009a5c8927b3b3b3cc2d2d9a2d2d2d7f07140000000000d32d2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d2d2d2d2da3b37777919e8232440000000000008abea104c974ddba980000001d0b6d550ee23c02020202</w:t>
      </w:r>
      <w:r w:rsidRPr="005B592D">
        <w:rPr>
          <w:rFonts w:ascii="Courier New" w:hAnsi="Courier New" w:cs="Courier New"/>
        </w:rPr>
        <w:t>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270d0d0d0d0d0d0d0d0d0d0d0d0d0d0d0d0d0d0d0d0d0d0d0d0d0d0d0d0d0d0d0d0d0d0d0d0d0dbcd4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9b81820001413c3632e00001492aa7841020202020202020202020202025c</w:t>
      </w:r>
      <w:r w:rsidRPr="005B592D">
        <w:rPr>
          <w:rFonts w:ascii="Courier New" w:hAnsi="Courier New" w:cs="Courier New"/>
        </w:rPr>
        <w:t>db63636363636379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a311400000000000092a8d40202020202020202020202021e49042e00000000000000140d67de5c02025c330b000000000013109e45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3b89363120000000000000004431ac4c8702020202020202020202020202027608636363</w:t>
      </w:r>
      <w:r w:rsidRPr="005B592D">
        <w:rPr>
          <w:rFonts w:ascii="Courier New" w:hAnsi="Courier New" w:cs="Courier New"/>
        </w:rPr>
        <w:t>6363b9900202020202020202020202020202875e8b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2e9f9e5d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0000202020202023c11c49200000000000000003119402a00</w:t>
      </w:r>
      <w:r w:rsidRPr="005B592D">
        <w:rPr>
          <w:rFonts w:ascii="Courier New" w:hAnsi="Courier New" w:cs="Courier New"/>
        </w:rPr>
        <w:t>2ed64a0400000083791d8de6530b00000000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00000000000000008bd6e610a7e1e020000000ea6a6300154bddb600000000000000002eaa2358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e92636363</w:t>
      </w:r>
      <w:r w:rsidRPr="005B592D">
        <w:rPr>
          <w:rFonts w:ascii="Courier New" w:hAnsi="Courier New" w:cs="Courier New"/>
        </w:rPr>
        <w:t>630b4400000000000000002063636363636363636363132014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6bec02020202020202020202d4652000008db84f4aec9d811d0000002eacde02020202020202020202020202b40000000000009b87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82a900000000000000000000d058020202020202020202022296</w:t>
      </w:r>
      <w:r w:rsidRPr="005B592D">
        <w:rPr>
          <w:rFonts w:ascii="Courier New" w:hAnsi="Courier New" w:cs="Courier New"/>
        </w:rPr>
        <w:t>20000000202fcc8c94640000005f895c02a28800000000000000006bd647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5dad83000000641fc1d851c300000000c32180020202020202020202020202023c3000000000000071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4c13000000000000000000b9d23a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000020202024805a82000000000000000000000002fac2e0000d03e613597b146582014ed6f55000000004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3b638130000000000000000000000001dbcb6a16b0000000008254900</w:t>
      </w:r>
      <w:r w:rsidRPr="005B592D">
        <w:rPr>
          <w:rFonts w:ascii="Courier New" w:hAnsi="Courier New" w:cs="Courier New"/>
        </w:rPr>
        <w:t>18053a50c8c783e2232e000038b714000000000000000000001493128f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3b828f8f8f8f2843630000000000000024a28f8f8f8f8f8f8f8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66f42b5a0b3101d0000000000008a5d02020202020202024f8300</w:t>
      </w:r>
      <w:r w:rsidRPr="005B592D">
        <w:rPr>
          <w:rFonts w:ascii="Courier New" w:hAnsi="Courier New" w:cs="Courier New"/>
        </w:rPr>
        <w:t>00441f905c020202023aba368b0000000bca2202020202020202020202020992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46a02020202020202020202020202b583000000000061b386980000e3e60202020202020202097014000000984f3a5c5c48be33a1000013a647bb8b0000001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03d2f14002e7746020202020202020202e6af2e0000bcdcbe</w:t>
      </w:r>
      <w:r w:rsidRPr="005B592D">
        <w:rPr>
          <w:rFonts w:ascii="Courier New" w:hAnsi="Courier New" w:cs="Courier New"/>
        </w:rPr>
        <w:t>485c5c3c26125f00000014c6dc470202020202020202020202026c140000000000c25c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82af0000000000048699b620008bdb3b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</w:t>
      </w:r>
      <w:r w:rsidRPr="005B592D">
        <w:rPr>
          <w:rFonts w:ascii="Courier New" w:hAnsi="Courier New" w:cs="Courier New"/>
        </w:rPr>
        <w:t>020202020200000202023c4e16000000000000000000000000002e1d0000006b90c058224c2b5b1d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4097f0000000b39e62658030d00000000000000000000a7c2e6267bcfcd000000e08f6700b9194b292274057b24000000142e00000000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d5228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589c00000000000000bce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5d85a3200000000000aa28020202020202027283000014af5a020202020202020242861400000044cc76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4738000000000000eb020202020202020202</w:t>
      </w:r>
      <w:r w:rsidRPr="005B592D">
        <w:rPr>
          <w:rFonts w:ascii="Courier New" w:hAnsi="Courier New" w:cs="Courier New"/>
        </w:rPr>
        <w:t>020202022c44000000002e4c4845759b00140c220202020202028fbf1d000000a74e5d02020202025c857014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82c9900000000087e3b3ee11d00138e5d0202020202020282361d00003171480202020202025cd4070000000004033b02020202020202020202024f92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2a06020202020202020202020202a2</w:t>
      </w:r>
      <w:r w:rsidRPr="005B592D">
        <w:rPr>
          <w:rFonts w:ascii="Courier New" w:hAnsi="Courier New" w:cs="Courier New"/>
        </w:rPr>
        <w:t>3000000000008abe5da25244000854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000020202bac600000000000000000000000000000000000000207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0d6a12e91e51d00936abd2e000b32</w:t>
      </w:r>
      <w:r w:rsidRPr="005B592D">
        <w:rPr>
          <w:rFonts w:ascii="Courier New" w:hAnsi="Courier New" w:cs="Courier New"/>
        </w:rPr>
        <w:t>0202020202e992000000102f2e000000d9470202023cb28b0000a46f9c00924ca04464cc4b251600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8b6cbe0202020202020202020202020202020202020202020202020202020202020202020202020202020202020202020202020206e1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13dc0202020202</w:t>
      </w:r>
      <w:r w:rsidRPr="005B592D">
        <w:rPr>
          <w:rFonts w:ascii="Courier New" w:hAnsi="Courier New" w:cs="Courier New"/>
        </w:rPr>
        <w:t>020202020202020202023b9d0800000000445802020202020225e3000000187d02020202020202020202a2aa00000000441f5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48b3140000000000b35d020202020202020202020202111d00000000142c02020289bc0013173c020202023cab63000000008a5c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a26e0000a188</w:t>
      </w:r>
      <w:r w:rsidRPr="005B592D">
        <w:rPr>
          <w:rFonts w:ascii="Courier New" w:hAnsi="Courier New" w:cs="Courier New"/>
        </w:rPr>
        <w:t>00000000166a020222bf0000937d02020202020245d91d00008bbd3a0202020202020202025ba100000000926cbe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d49b00000000003858020202020202020202020202423400000000008a480202069a0000372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</w:t>
      </w:r>
      <w:r w:rsidRPr="005B592D">
        <w:rPr>
          <w:rFonts w:ascii="Courier New" w:hAnsi="Courier New" w:cs="Courier New"/>
        </w:rPr>
        <w:t>0202020202020202020202020202020202020202020202020202020202020202020202000002027c5f0000001d14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2e8a618b0000787e6363b97dcecd04d32580e5b5e55869aa0000d305e23700001db58072b5b5e626310b6d91a2a56b0db24c630014081f93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</w:t>
      </w:r>
      <w:r w:rsidRPr="005B592D">
        <w:rPr>
          <w:rFonts w:ascii="Courier New" w:hAnsi="Courier New" w:cs="Courier New"/>
        </w:rPr>
        <w:t>000000000000008b2e00000bd248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a61d00000000000000b30202020202020202020202020202020287ecc3000000004e02020202025d9a2e0000002a3b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59f000000</w:t>
      </w:r>
      <w:r w:rsidRPr="005B592D">
        <w:rPr>
          <w:rFonts w:ascii="Courier New" w:hAnsi="Courier New" w:cs="Courier New"/>
        </w:rPr>
        <w:t>001d27460202020202020202024cb90000000000655a020202020202020202020202199200000000009d0202023c1cb90015dd02020202a25f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634c02020202020202020202e230142e8b000000008d0502020209071400a45902020202022c18000000bc26020202020202020202020289c6000000009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a4702</w:t>
      </w:r>
      <w:r w:rsidRPr="005B592D">
        <w:rPr>
          <w:rFonts w:ascii="Courier New" w:hAnsi="Courier New" w:cs="Courier New"/>
        </w:rPr>
        <w:t>020202020202020226ae0000000000b94a02020202020202020202020226810000000000a5090202021ec71d20175d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0000247ac00008b665113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</w:t>
      </w:r>
      <w:r w:rsidRPr="005B592D">
        <w:rPr>
          <w:rFonts w:ascii="Courier New" w:hAnsi="Courier New" w:cs="Courier New"/>
        </w:rPr>
        <w:t>000000000000141314000000000000000000009e5833c9a02259e5d90b0312a78b63dbc81d0014cc4702ab000000d111448b2077bb1d2ab53f3a4aec4f854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d00000000000000000000926b0000000000000000002477c600001058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c04400000000000000305c02020202020202020202020202020202489e6b000000d15c0202020253b900000000e9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5d230000000000929d020202020202020202e29c00000000009f1a0202020202020202020202021a980000000000e15d0202025dda13</w:t>
      </w:r>
      <w:r w:rsidRPr="005B592D">
        <w:rPr>
          <w:rFonts w:ascii="Courier New" w:hAnsi="Courier New" w:cs="Courier New"/>
        </w:rPr>
        <w:t>00e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d020202290000000000bcdd02020202020202020202024b6d00000000000044cf020202027e31006317020202025ae3000000002d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3a6c0000000000b9620202020202020202023c9a000000000000270202020202020202020202028fb00000000000c395020202025b34009b720202</w:t>
      </w:r>
      <w:r w:rsidRPr="005B592D">
        <w:rPr>
          <w:rFonts w:ascii="Courier New" w:hAnsi="Courier New" w:cs="Courier New"/>
        </w:rPr>
        <w:t>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00002d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20ba40f4f151400000000000000449671811d000000000000000000397d4cec4c4abee6e300cd0566003843150000008319505f00000064896e</w:t>
      </w:r>
      <w:r w:rsidRPr="005B592D">
        <w:rPr>
          <w:rFonts w:ascii="Courier New" w:hAnsi="Courier New" w:cs="Courier New"/>
        </w:rPr>
        <w:t>14984ee300c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55d534e600f540f1500000000000000002e38dc12a70000000000000000a7b34bc81b92495d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1eb900000000000000c3820202020202020202020202020202020202825e2e0000ac</w:t>
      </w:r>
      <w:r w:rsidRPr="005B592D">
        <w:rPr>
          <w:rFonts w:ascii="Courier New" w:hAnsi="Courier New" w:cs="Courier New"/>
        </w:rPr>
        <w:t>28020202876c2e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14c90202020202020202020202020258040000000000c3b502020202020202020637000000000044ec02020202020202020202020274d00000000000612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260700a5dd020245c40000000000303f02020202020202020202025cc21d000000000000b8480202025dd913145f2802025c</w:t>
      </w:r>
      <w:r w:rsidRPr="005B592D">
        <w:rPr>
          <w:rFonts w:ascii="Courier New" w:hAnsi="Courier New" w:cs="Courier New"/>
        </w:rPr>
        <w:t>3363000000000e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250b0000000000310a020202020202020202c5000000000000355d020202020202020202020248d91400000000200348020202022b4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eca48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000024983321ec204000000000000000000863f58e2b36300000000000000006d0b1d2e2eb68fb800000084609203211d0000140771750c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01c1629212e0014d746521d142e8b938b000000000000001d96dd90262113000000000000000014947b6a36166f02020202</w:t>
      </w:r>
      <w:r w:rsidRPr="005B592D">
        <w:rPr>
          <w:rFonts w:ascii="Courier New" w:hAnsi="Courier New" w:cs="Courier New"/>
        </w:rPr>
        <w:t>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3c610000000000000000d402020202020202020202020202020202020290ae00003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b0202022661000000001d4c020202020202020202020202025d8a000000000000511e020202020202025cb800000000</w:t>
      </w:r>
      <w:r w:rsidRPr="005B592D">
        <w:rPr>
          <w:rFonts w:ascii="Courier New" w:hAnsi="Courier New" w:cs="Courier New"/>
        </w:rPr>
        <w:t>0000ca0202020202020202020202022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40000000000837d02020202024c18b82602025b1b0000000000655a020202020202020202020202251000000000000035450202020240e179895d02028fe1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14ea020202020202020202020202024894000000000000515a0202020202020202de2e00000000000d9002</w:t>
      </w:r>
      <w:r w:rsidRPr="005B592D">
        <w:rPr>
          <w:rFonts w:ascii="Courier New" w:hAnsi="Courier New" w:cs="Courier New"/>
        </w:rPr>
        <w:t>0202020202020202020202ec2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73a020202022267e3115c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0004096de82d78b000000000000000000ae6fb2b9275a71a514000000000000</w:t>
      </w:r>
      <w:r w:rsidRPr="005B592D">
        <w:rPr>
          <w:rFonts w:ascii="Courier New" w:hAnsi="Courier New" w:cs="Courier New"/>
        </w:rPr>
        <w:t>0000000020df6983001d189feb890510c6c6c6c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a3b02ebc6c6c6c615eb4abaa56d14008d750a8d000000000000000000000098dc26e96d9a220e0000000000000000001410726f0c19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990000</w:t>
      </w:r>
      <w:r w:rsidRPr="005B592D">
        <w:rPr>
          <w:rFonts w:ascii="Courier New" w:hAnsi="Courier New" w:cs="Courier New"/>
        </w:rPr>
        <w:t>0000000000001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43b900184d020202058b000000001d0f02020202020202020202020202024393000000000014ca020202020202020260000000000000655c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5cad14000000008b125c020202023b425d02020243c30000000000655a02020202</w:t>
      </w:r>
      <w:r w:rsidRPr="005B592D">
        <w:rPr>
          <w:rFonts w:ascii="Courier New" w:hAnsi="Courier New" w:cs="Courier New"/>
        </w:rPr>
        <w:t>02020202020202025dc80000000000002ed402020202028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a020202023e6d0000000014cf02020202020202020202020202024dc6000000000020da0202020202020202226400000000008b4e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40080000000000644602020202021e285c0202020202020202020202020202020202020202</w:t>
      </w:r>
      <w:r w:rsidRPr="005B592D">
        <w:rPr>
          <w:rFonts w:ascii="Courier New" w:hAnsi="Courier New" w:cs="Courier New"/>
        </w:rPr>
        <w:t>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00042dc5d620b000000000000000000161954cb0044acd47d378b000000000000000000b6800e8b0031c58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5765b8989898989b54046dd8989898989b54069194f4400009482a40000000000000000</w:t>
      </w:r>
      <w:r w:rsidRPr="005B592D">
        <w:rPr>
          <w:rFonts w:ascii="Courier New" w:hAnsi="Courier New" w:cs="Courier New"/>
        </w:rPr>
        <w:t>002e07893f52631463cf22b71400000000000000002ea86fb519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392e00000000000000915d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45360020d2020202120000000000142b020202020202</w:t>
      </w:r>
      <w:r w:rsidRPr="005B592D">
        <w:rPr>
          <w:rFonts w:ascii="Courier New" w:hAnsi="Courier New" w:cs="Courier New"/>
        </w:rPr>
        <w:t>02020202020202024235000000000000641e020202020202026992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c622020202020202020202020202b12e0000000000995d0202020202020202020233440000000000882602020202020202020202020202722e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eb0202020202020202020202192e00000000009e0202020202020202020202</w:t>
      </w:r>
      <w:r w:rsidRPr="005B592D">
        <w:rPr>
          <w:rFonts w:ascii="Courier New" w:hAnsi="Courier New" w:cs="Courier New"/>
        </w:rPr>
        <w:t>0202028251000000000000102202020202020202457900000000002edb48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5500000000008b6a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000</w:t>
      </w:r>
      <w:r w:rsidRPr="005B592D">
        <w:rPr>
          <w:rFonts w:ascii="Courier New" w:hAnsi="Courier New" w:cs="Courier New"/>
        </w:rPr>
        <w:t>5d3a33b9000020200000000000c60a589f20a49b008d7a41339f00000000000000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542cb000014926b0b630b6b6b6b6b6b0b63630b6b6b6b6b6b0b630b6b0b000000a74a0a310000000000000098caa2dc1600c3e7646b03745600000000002e6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27453b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7593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76f020202020202020202020202020202020202024a0d009902025c8a0000000000000e02020202020202020202020202025cd800000000000020da5d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4634000000000063950202020202020202020202027413</w:t>
      </w:r>
      <w:r w:rsidRPr="005B592D">
        <w:rPr>
          <w:rFonts w:ascii="Courier New" w:hAnsi="Courier New" w:cs="Courier New"/>
        </w:rPr>
        <w:t>00000000006d5a02020202020202020248781400000000006109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5c24000000000000685d020202020202020202029e000000000000c2020202020202020202020202020202120000000000001d0e5d02020202020202dc63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a476020202020202020202020202ca0000000000</w:t>
      </w:r>
      <w:r w:rsidRPr="005B592D">
        <w:rPr>
          <w:rFonts w:ascii="Courier New" w:hAnsi="Courier New" w:cs="Courier New"/>
        </w:rPr>
        <w:t>00c5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000023fd30014382d0d00000000001be52538bf5a192f2e63947c7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4130000000000208e3fbf2000000000000000000000</w:t>
      </w:r>
      <w:r w:rsidRPr="005B592D">
        <w:rPr>
          <w:rFonts w:ascii="Courier New" w:hAnsi="Courier New" w:cs="Courier New"/>
        </w:rPr>
        <w:t>1408d80720000000000000000000000000002e657bab0b00000000001d55537b5ea7141b575ab45fd25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700000000001db779920031b102020202020202020202020202020202020202020202020202020202020202020202020202020202020202020202020202025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8000000000000001b2502020202020202020202</w:t>
      </w:r>
      <w:r w:rsidRPr="005B592D">
        <w:rPr>
          <w:rFonts w:ascii="Courier New" w:hAnsi="Courier New" w:cs="Courier New"/>
        </w:rPr>
        <w:t>02020202020202020240a800d05c023a88000000000000cc0202020202020202020202020202020a0b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3026020202020202453d000000000014913a02020202020202020202025d10000000000000950202020202020202023ce8000000000000cbe6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3244000000000081</w:t>
      </w:r>
      <w:r w:rsidRPr="005B592D">
        <w:rPr>
          <w:rFonts w:ascii="Courier New" w:hAnsi="Courier New" w:cs="Courier New"/>
        </w:rPr>
        <w:t>2602020202020202020202d10000000000001f020202020202020202020202020202250b000000000000d3dd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7c830000000000aa7b020202020202020202020202a08b00000000008a3b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</w:t>
      </w:r>
      <w:r w:rsidRPr="005B592D">
        <w:rPr>
          <w:rFonts w:ascii="Courier New" w:hAnsi="Courier New" w:cs="Courier New"/>
        </w:rPr>
        <w:t>02020202020202020202020202020202020202020202020202020202000002d500200c2c5114000000000000cbb4804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5dc3e810000165746d59b00000000000b7a74b60000000000000000001de14d3ee2da10000000000000000000000000341a898d000000000018e81e2c8114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671895242805888000000000000</w:t>
      </w:r>
      <w:r w:rsidRPr="005B592D">
        <w:rPr>
          <w:rFonts w:ascii="Courier New" w:hAnsi="Courier New" w:cs="Courier New"/>
        </w:rPr>
        <w:t>006b60178300d02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40b7000000000000006b8902020202020202020202020202020202020202025744a7400228e3000000000000663c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402f00000000000092</w:t>
      </w:r>
      <w:r w:rsidRPr="005B592D">
        <w:rPr>
          <w:rFonts w:ascii="Courier New" w:hAnsi="Courier New" w:cs="Courier New"/>
        </w:rPr>
        <w:t>1902020202020248d5200000000000c76f02020202020202020202020286000000000000bd020202020202020202482314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47d020202020202020202020202020280380000000000156a02020202020202020202e8000000000000b65d020202020202020202020202020206e3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2e6202020202</w:t>
      </w:r>
      <w:r w:rsidRPr="005B592D">
        <w:rPr>
          <w:rFonts w:ascii="Courier New" w:hAnsi="Courier New" w:cs="Courier New"/>
        </w:rPr>
        <w:t>0202026f38000000000063ba02020202020202020202020273c60000000000e3a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00074aeb9ca25552e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9b6fba</w:t>
      </w:r>
      <w:r w:rsidRPr="005B592D">
        <w:rPr>
          <w:rFonts w:ascii="Courier New" w:hAnsi="Courier New" w:cs="Courier New"/>
        </w:rPr>
        <w:t>18dbe6aa001d2ea77953e5b308140000008d4ede249b9b9b98c6c69fb0ecd44915c711d4dbcb2000000000001d8d98d375b53814000000c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f7d69b8311444000b332c9bb882c1140000000000000000cb71c0351da0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</w:t>
      </w:r>
      <w:r w:rsidRPr="005B592D">
        <w:rPr>
          <w:rFonts w:ascii="Courier New" w:hAnsi="Courier New" w:cs="Courier New"/>
        </w:rPr>
        <w:t>0202020202020202023ce800000000000000140e0202020202020202020202020202020202020202285f1dc00247880000000000006426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479900000000000000683c0202020202027e93000000000093d4020202020202020202020202ad2e00000000006e8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cf</w:t>
      </w:r>
      <w:r w:rsidRPr="005B592D">
        <w:rPr>
          <w:rFonts w:ascii="Courier New" w:hAnsi="Courier New" w:cs="Courier New"/>
        </w:rPr>
        <w:t>4400000000001d2b02020202020202020202020202025db3000000000013b202020202020202020202ed000000000000cd3f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87b314000000000000ac5d02020202020248e40000000000007802020202020202020202020274ae0000000000830a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0004c8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522cc1d000000000000000014993e300489de350091b3200098032219a9cd200000640a74b5b5b5d47c7d6a80c5382e000044c4ba6aca92000000003654e5e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ab600001dcd0cb141c561008bb7da3108335b2f0d537c20000000000000000000101a539ce787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4f0000000000000000e70202020202020202020202020202020202020202026c008c5d5c8a0000</w:t>
      </w:r>
      <w:r w:rsidRPr="005B592D">
        <w:rPr>
          <w:rFonts w:ascii="Courier New" w:hAnsi="Courier New" w:cs="Courier New"/>
        </w:rPr>
        <w:t>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4750202020202020202020202020202022944000000000000cb4202020202020209cb000000000000030202020202020202020202024d08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3e20202020202020202024a040000000000006c0202020202020202020202020202022c140000000000b8020202020202020202028e0000000000006b</w:t>
      </w:r>
      <w:r w:rsidRPr="005B592D">
        <w:rPr>
          <w:rFonts w:ascii="Courier New" w:hAnsi="Courier New" w:cs="Courier New"/>
        </w:rPr>
        <w:t>43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33920000000000009f0902020202020202a6000000000000304502020202020202020202024586000000000020c5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000ca773c1113000000000000000000987d231d149f4fb5bd5a6a332f2e2027873b82e28960c59e6f02020202025d0f642013100000001463b87d2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f3030b32576023bdf3260c0e6068702ec2014159e1a5812c089aa2e000c227000000000000000000014792205b79002020202020202020202</w:t>
      </w:r>
      <w:r w:rsidRPr="005B592D">
        <w:rPr>
          <w:rFonts w:ascii="Courier New" w:hAnsi="Courier New" w:cs="Courier New"/>
        </w:rPr>
        <w:t>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1a2e00000000000000d32802020202020202020202020202020202020202027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fa376023900000000000044125c0202020202020202020202020202753100000000000018750202020202025db0000000000000663a02</w:t>
      </w:r>
      <w:r w:rsidRPr="005B592D">
        <w:rPr>
          <w:rFonts w:ascii="Courier New" w:hAnsi="Courier New" w:cs="Courier New"/>
        </w:rPr>
        <w:t>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260700000000000d2c0202020202020202021a15000000000000c75d0202020202020202020202020202599b0000000000885c020202020202020202d2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14b83b02020202020202020202020202020a6d000000000000c354020202020202027544000000000004c0020202020202</w:t>
      </w:r>
      <w:r w:rsidRPr="005B592D">
        <w:rPr>
          <w:rFonts w:ascii="Courier New" w:hAnsi="Courier New" w:cs="Courier New"/>
        </w:rPr>
        <w:t>020202020202d6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94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0009158dde300000000000000000000a31e150000006b7f7b49d30a0563a7c95c020202020202</w:t>
      </w:r>
      <w:r w:rsidRPr="005B592D">
        <w:rPr>
          <w:rFonts w:ascii="Courier New" w:hAnsi="Courier New" w:cs="Courier New"/>
        </w:rPr>
        <w:t>5d3b020202020226340000d36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2e15ca4d5825b1686a02485d020202020202023e318bdb6907e43ed1c60000000db24f6300000000000000000063b25c29b5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8f9c00000000000000</w:t>
      </w:r>
      <w:r w:rsidRPr="005B592D">
        <w:rPr>
          <w:rFonts w:ascii="Courier New" w:hAnsi="Courier New" w:cs="Courier New"/>
        </w:rPr>
        <w:t>0b4d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4790a23c02891d0000000000149a45020202020202020202020202020274cb0000000000006b1102020202020202ce000000000000087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87a90000000000142302020202020202020259d00000000000006d8002020202020202020202</w:t>
      </w:r>
      <w:r w:rsidRPr="005B592D">
        <w:rPr>
          <w:rFonts w:ascii="Courier New" w:hAnsi="Courier New" w:cs="Courier New"/>
        </w:rPr>
        <w:t>020202023a9400000000009359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752000000000000067220202020202020202020202020202a21000000000000092eb0202020202020209cb00000000002e9945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b1000000000000c32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0007c3b2d1400000d200000000000a7582914000000000004200dde1eeda928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3faa0000a39e0000000000000000149244009a3a020202020202020202023bc23dd4d4d01d0d000000</w:t>
      </w:r>
      <w:r w:rsidRPr="005B592D">
        <w:rPr>
          <w:rFonts w:ascii="Courier New" w:hAnsi="Courier New" w:cs="Courier New"/>
        </w:rPr>
        <w:t>000000c774ae00000000002e8d14000035744540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4897000000000000001d175c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74d3000000000000aa260202020202020202020202</w:t>
      </w:r>
      <w:r w:rsidRPr="005B592D">
        <w:rPr>
          <w:rFonts w:ascii="Courier New" w:hAnsi="Courier New" w:cs="Courier New"/>
        </w:rPr>
        <w:t>0202023ca80000000000008bc5020202020202021ac3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2e213b02020202020202020202023200000000000065020202020202020202026c000000000000208e5d0202020202020202020202020202df44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8b890202020202020202022610000000000000045002020202020202020202020202024896</w:t>
      </w:r>
      <w:r w:rsidRPr="005B592D">
        <w:rPr>
          <w:rFonts w:ascii="Courier New" w:hAnsi="Courier New" w:cs="Courier New"/>
        </w:rPr>
        <w:t>0000000000001d9d4802020202020282c4000000000000182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3f92000000000000b1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0005c3e8d0014aae1</w:t>
      </w:r>
      <w:r w:rsidRPr="005B592D">
        <w:rPr>
          <w:rFonts w:ascii="Courier New" w:hAnsi="Courier New" w:cs="Courier New"/>
        </w:rPr>
        <w:t>8b00000000146e26e10000000000146b141438c8851e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87170d2e95bd00000000000000000000000d4d0202020202020202020202022258325f8b2e93000000000000137bc1200000000014d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c44000b6248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122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9a470202020202020202020202020202020202020202020202028f940000000000008b710202020202020202020202020202026c0000000000002e035c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1e61000000000000e01e020202020202020202020289140000000000</w:t>
      </w:r>
      <w:r w:rsidRPr="005B592D">
        <w:rPr>
          <w:rFonts w:ascii="Courier New" w:hAnsi="Courier New" w:cs="Courier New"/>
        </w:rPr>
        <w:t>31060202020202020202024c1d0000000000003759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58d000000002e175c020202020202020228860000000000001433020202020202020202020202020202d900000000000014d93c0202020202025d2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e0000000000000e5c020202020202020202023aaa000000000000bd480202</w:t>
      </w:r>
      <w:r w:rsidRPr="005B592D">
        <w:rPr>
          <w:rFonts w:ascii="Courier New" w:hAnsi="Courier New" w:cs="Courier New"/>
        </w:rPr>
        <w:t>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00002d6001488eb10000000000065de50640000000000926e8b004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316d5060202020202020202020202020202025d36d006e40000000000</w:t>
      </w:r>
      <w:r w:rsidRPr="005B592D">
        <w:rPr>
          <w:rFonts w:ascii="Courier New" w:hAnsi="Courier New" w:cs="Courier New"/>
        </w:rPr>
        <w:t>000000000020e8870202020202020202020202459e348d920020961d000000000000e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fca04000000001d17ca9200382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756d00000000000000815a020202020202020202020202020202</w:t>
      </w:r>
      <w:r w:rsidRPr="005B592D">
        <w:rPr>
          <w:rFonts w:ascii="Courier New" w:hAnsi="Courier New" w:cs="Courier New"/>
        </w:rPr>
        <w:t>02020202020202020202b292000000000000a95d020202020202020202020202020233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20325c020202020202288400000000000000215d02020202020202020202a2b900000000001d0502020202020202020241610000000000006319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42d30000000000665902020202</w:t>
      </w:r>
      <w:r w:rsidRPr="005B592D">
        <w:rPr>
          <w:rFonts w:ascii="Courier New" w:hAnsi="Courier New" w:cs="Courier New"/>
        </w:rPr>
        <w:t>020202025c2b63000000000000845d02020202020202020202020202021114000000000014d93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1163000000000000387b020202020202020202025d840000000000002a46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</w:t>
      </w:r>
      <w:r w:rsidRPr="005B592D">
        <w:rPr>
          <w:rFonts w:ascii="Courier New" w:hAnsi="Courier New" w:cs="Courier New"/>
        </w:rPr>
        <w:t>0202020202020202020202020202020202020202020000596500350a360000000093d9253b292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6323312e0e801a604f4702020290dc78b391dbb28582024771642b092f000000000000000000008d4d58ea27868452ab580202025d89c96a7bd20b8d0e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40000000000009a47a2eca52e0000009c4d78132e</w:t>
      </w:r>
      <w:r w:rsidRPr="005B592D">
        <w:rPr>
          <w:rFonts w:ascii="Courier New" w:hAnsi="Courier New" w:cs="Courier New"/>
        </w:rPr>
        <w:t>71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7b380000000000000083250202020202020202020202020202020202020202020202020222340000000000009c5b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4b13000000000063b20202020202</w:t>
      </w:r>
      <w:r w:rsidRPr="005B592D">
        <w:rPr>
          <w:rFonts w:ascii="Courier New" w:hAnsi="Courier New" w:cs="Courier New"/>
        </w:rPr>
        <w:t>02025cd5200000000000009f53020202020202020202024507000000000014da4802020202020202025dad44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bf5d020202020202020202020202023a67000000000008b50202020202020202025ae30000000000001b5802020202020202020202020202021ab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20035c020202020202022518</w:t>
      </w:r>
      <w:r w:rsidRPr="005B592D">
        <w:rPr>
          <w:rFonts w:ascii="Courier New" w:hAnsi="Courier New" w:cs="Courier New"/>
        </w:rPr>
        <w:t>00000000000044495d0202020202020202025c7a200000000000bce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000b59f314c110b000000c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9e25d1403d00000000000020abe400</w:t>
      </w:r>
      <w:r w:rsidRPr="005B592D">
        <w:rPr>
          <w:rFonts w:ascii="Courier New" w:hAnsi="Courier New" w:cs="Courier New"/>
        </w:rPr>
        <w:t>84060202458702020250e72e88bf2a643184c568159482c0310000000000000000000093db5f15e777658b55d40202023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502023c7700554c00000000000000675a9e335030000000005e6f5600d1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</w:t>
      </w:r>
      <w:r w:rsidRPr="005B592D">
        <w:rPr>
          <w:rFonts w:ascii="Courier New" w:hAnsi="Courier New" w:cs="Courier New"/>
        </w:rPr>
        <w:t>020202024570000000000000001d710202020202020202020202020202020202020202020202020202d51d00000000000bc9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e26d000000000093c00202020202020202890b000000000000145e5d0202020202020202025d2d000000000000b759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58cb00000000</w:t>
      </w:r>
      <w:r w:rsidRPr="005B592D">
        <w:rPr>
          <w:rFonts w:ascii="Courier New" w:hAnsi="Courier New" w:cs="Courier New"/>
        </w:rPr>
        <w:t>00009fe20202020202020202020202020202bf00000000002e6002020202020202020202dc4400000000006ba0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262f000000000063a0020202020202020247d000000000000000c625020202020202020202020a8300000000006395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000c9a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2a25500000098ec0f15685c5500000000002e2ae2e2818b8aa20202455d020202069aa42645464a86e19d600948e28e9438130000000000442014c349263a4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4ae1e02020202</w:t>
      </w:r>
      <w:r w:rsidRPr="005B592D">
        <w:rPr>
          <w:rFonts w:ascii="Courier New" w:hAnsi="Courier New" w:cs="Courier New"/>
        </w:rPr>
        <w:t>765c0246e96bb9954621a7000000000034090f9f78b5a8140000a74c4b083628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ca00000000000000008e020202020202020202020202020202020202020202020202020226a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400000000</w:t>
      </w:r>
      <w:r w:rsidRPr="005B592D">
        <w:rPr>
          <w:rFonts w:ascii="Courier New" w:hAnsi="Courier New" w:cs="Courier New"/>
        </w:rPr>
        <w:t>000c3a02020202020202020202020202099c0000000000d33f0202020202020202a208000000000000008b1c4802020202020202025c9e2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8720202020202020202025cc90b000000000020d15d020202020202020202020202028c000000000000d80202020202020202020222af1400000000008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70202</w:t>
      </w:r>
      <w:r w:rsidRPr="005B592D">
        <w:rPr>
          <w:rFonts w:ascii="Courier New" w:hAnsi="Courier New" w:cs="Courier New"/>
        </w:rPr>
        <w:t>0202020202020202020202762a00000000001872020202020202020202e9000000000000000051260202020202020202026fd000000000000078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</w:t>
      </w:r>
      <w:r w:rsidRPr="005B592D">
        <w:rPr>
          <w:rFonts w:ascii="Courier New" w:hAnsi="Courier New" w:cs="Courier New"/>
        </w:rPr>
        <w:t>0202020000c8a1764c440000984e0ad300c53cd00000000000b9d2ea757dcd1d37d289d63f0202020243cb7e020202825811d68ce80eb27d502b24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43613c2450202826dab02020202028e2b62e1636dce6903953400000000003858509f8b8e3e07000014e741cae33f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4f0000000000000000965c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e2180000000000a7dd0202020202020202020202020274e00000000000b83c02020202020202023cc7000000000000000061e502020202</w:t>
      </w:r>
      <w:r w:rsidRPr="005B592D">
        <w:rPr>
          <w:rFonts w:ascii="Courier New" w:hAnsi="Courier New" w:cs="Courier New"/>
        </w:rPr>
        <w:t>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199300000000002edc0202020202020202020206861400000000009fe202020202020202020202020202c2000000000000815d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a0d0000000000046a020202020202020202020202028f96000000000061820202020202020202028992000000000000001378020202020202020202</w:t>
      </w:r>
      <w:r w:rsidRPr="005B592D">
        <w:rPr>
          <w:rFonts w:ascii="Courier New" w:hAnsi="Courier New" w:cs="Courier New"/>
        </w:rPr>
        <w:t>5d84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6e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00068c54596000013b23a8800207548070000001414000000641c73860820442745020202027dcb2c02025da031</w:t>
      </w:r>
      <w:r w:rsidRPr="005B592D">
        <w:rPr>
          <w:rFonts w:ascii="Courier New" w:hAnsi="Courier New" w:cs="Courier New"/>
        </w:rPr>
        <w:t>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9fca0fed08008373ba652602020241a7050202020202df6d2093364d2581000000142e0000005f80402f008d05908100003150266725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699200000000000000d340020202</w:t>
      </w:r>
      <w:r w:rsidRPr="005B592D">
        <w:rPr>
          <w:rFonts w:ascii="Courier New" w:hAnsi="Courier New" w:cs="Courier New"/>
        </w:rPr>
        <w:t>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c56b0000000000234802020202020202020202020242aa00000000c37d02020202020202020202e8000000000000639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3441020202020202020209aa000000000000ed0202020202020202020202e29f0000000000008a4502020202020202020202020221</w:t>
      </w:r>
      <w:r w:rsidRPr="005B592D">
        <w:rPr>
          <w:rFonts w:ascii="Courier New" w:hAnsi="Courier New" w:cs="Courier New"/>
        </w:rPr>
        <w:t>000000000000837b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d9130000000000683b0202020202020202020202028f960000000000c20202020202020202020258bc000000000020832e1d4348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c50000000000009b8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0006c504b080020a347476400c63e02c4008b1430a677acae5f55b141e54e7141020202025cd2a5b502026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c001463cde355819c31638d6579b9790682575c020202455f8c3c0202020245732c7d224d3dae65e1b8ceb814441407a25d</w:t>
      </w:r>
      <w:r w:rsidRPr="005B592D">
        <w:rPr>
          <w:rFonts w:ascii="Courier New" w:hAnsi="Courier New" w:cs="Courier New"/>
        </w:rPr>
        <w:t>9600c3955c050d0014a602c8e5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2210000000000000006db5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82d88b000000005f69020202020202020202020202ddcd00</w:t>
      </w:r>
      <w:r w:rsidRPr="005B592D">
        <w:rPr>
          <w:rFonts w:ascii="Courier New" w:hAnsi="Courier New" w:cs="Courier New"/>
        </w:rPr>
        <w:t>0000140c76020202020202020202024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0000000000018e120142d5a0202020202020287ac000000000000ac020202020202020202020202df930000000000087e02020202020202020202025cbf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d430202020202020202020202265e1d00000000cbe5020202020202020202020202766e00000000c67c</w:t>
      </w:r>
      <w:r w:rsidRPr="005B592D">
        <w:rPr>
          <w:rFonts w:ascii="Courier New" w:hAnsi="Courier New" w:cs="Courier New"/>
        </w:rPr>
        <w:t>02020202020202020202227000000000001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4c600d31c48020202020202027d8b0000000000a7e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0004c06492e00e141025d2400075902</w:t>
      </w:r>
      <w:r w:rsidRPr="005B592D">
        <w:rPr>
          <w:rFonts w:ascii="Courier New" w:hAnsi="Courier New" w:cs="Courier New"/>
        </w:rPr>
        <w:t>0e1499cdda4802023c5d5d3c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7d9c213c0202058d2eb71c593c025c45dd0fc1d08b1d0e020248020202025cab83335d02020202020202025c483c5c0202021ac36c1be445027800cd7c025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69200363a6a80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4596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63c90202020202020202020202020202020202020202020202020202020245ca0b00000000c43b02020202020202020202024320000000930a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1a9b000000000092392f0014967402020202020202d1000000000000615d020202</w:t>
      </w:r>
      <w:r w:rsidRPr="005B592D">
        <w:rPr>
          <w:rFonts w:ascii="Courier New" w:hAnsi="Courier New" w:cs="Courier New"/>
        </w:rPr>
        <w:t>02020202020202025d600b0000000000818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40e30000000000001dbd3c0202020202020202020202bea98b00000014bf5c0202020202020202020202581500000020d53b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cc11400000000000cce6b00184e5d020202020202269b00000000000b050202020202020202</w:t>
      </w:r>
      <w:r w:rsidRPr="005B592D">
        <w:rPr>
          <w:rFonts w:ascii="Courier New" w:hAnsi="Courier New" w:cs="Courier New"/>
        </w:rPr>
        <w:t>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00006450c00c37d02023ce400e42802736d4ba8ce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5d95389f4bddc04ab1d379906f3cde6cd99e1c853f426288ad48020202</w:t>
      </w:r>
      <w:r w:rsidRPr="005B592D">
        <w:rPr>
          <w:rFonts w:ascii="Courier New" w:hAnsi="Courier New" w:cs="Courier New"/>
        </w:rPr>
        <w:t>821e422626a318cfbe02020202020202020202020202027b2f85b7b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1200d38002027407009c094787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5dd92e0000000000002ed15d0202020202020202020202020202020202020202</w:t>
      </w:r>
      <w:r w:rsidRPr="005B592D">
        <w:rPr>
          <w:rFonts w:ascii="Courier New" w:hAnsi="Courier New" w:cs="Courier New"/>
        </w:rPr>
        <w:t>0202020202020202be219200000044b25d0202020202020202025cc1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20915d020202020202020202020259b7000000000014caec8d001dac3e02020202020203000000000000a15d0202020202020202020202025dbda7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e9e3b0202020202020202024d6d00000000000000968f020202020202020202</w:t>
      </w:r>
      <w:r w:rsidRPr="005B592D">
        <w:rPr>
          <w:rFonts w:ascii="Courier New" w:hAnsi="Courier New" w:cs="Courier New"/>
        </w:rPr>
        <w:t>0202023fe11d000000920548020202020202020202024f2e000000e376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601d0000000000bc7b860000980f3a0202020202403800000000000bc0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</w:t>
      </w:r>
      <w:r w:rsidRPr="005B592D">
        <w:rPr>
          <w:rFonts w:ascii="Courier New" w:hAnsi="Courier New" w:cs="Courier New"/>
        </w:rPr>
        <w:t>020202020202020202020202020200000282382e994702025cbd1d234802220c264a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eb0202020202020202020202020287eb8d141088640755e3189e1a815085c3000014b9aee805267d87023a11e135a12f2d0eb90dcc40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3e7a469a7b02021c00c782020202119208de02020202020202</w:t>
      </w:r>
      <w:r w:rsidRPr="005B592D">
        <w:rPr>
          <w:rFonts w:ascii="Courier New" w:hAnsi="Courier New" w:cs="Courier New"/>
        </w:rPr>
        <w:t>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116b00000000000000ac8f0202020202020202020202020202020202020202020202020202020202be0e04000000cd605c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ddbc0000008a260202020202020202020202025c0e14</w:t>
      </w:r>
      <w:r w:rsidRPr="005B592D">
        <w:rPr>
          <w:rFonts w:ascii="Courier New" w:hAnsi="Courier New" w:cs="Courier New"/>
        </w:rPr>
        <w:t>00000000002a82ce8b000065054802020245a9000000000000565c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457a6b0000000018325c020202020202023b992e00000000000000a52602020202020202020202020202269163000000e04a0202020202020202028fa4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cd8902020202020202020202020202e6920000000000</w:t>
      </w:r>
      <w:r w:rsidRPr="005B592D">
        <w:rPr>
          <w:rFonts w:ascii="Courier New" w:hAnsi="Courier New" w:cs="Courier New"/>
        </w:rPr>
        <w:t>44d47bbc00008dd92202020202d4a700000000000db5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0000226a76dde020202022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dc50202027d825d5a020202020202be4a7d02020228</w:t>
      </w:r>
      <w:r w:rsidRPr="005B592D">
        <w:rPr>
          <w:rFonts w:ascii="Courier New" w:hAnsi="Courier New" w:cs="Courier New"/>
        </w:rPr>
        <w:t>c2b90014a5ea098228828050eb003d22d82e000000002ea7244a8f4749a5c58026250ee31d001d863f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3f125902020202020247823a7c5c0202752ee8020202028fafb94c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6a</w:t>
      </w:r>
      <w:r w:rsidRPr="005B592D">
        <w:rPr>
          <w:rFonts w:ascii="Courier New" w:hAnsi="Courier New" w:cs="Courier New"/>
        </w:rPr>
        <w:t>830000000000000004e20202020202020202020202020202020202020202020202020202020202025d73799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a77fe545020202023bb5702e0092a98202020202020202474b4d4b4b4b0a03140000000000cd065da68d0014b9e44eb589a96300000000001449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3bc0241d000000</w:t>
      </w:r>
      <w:r w:rsidRPr="005B592D">
        <w:rPr>
          <w:rFonts w:ascii="Courier New" w:hAnsi="Courier New" w:cs="Courier New"/>
        </w:rPr>
        <w:t>63c1803c02020202407a440093040000000000135302020202020202020202020202028760e02e001493321e5c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82bd0b001415433c02020202020202584d4b4b4b4b548d0000000000000e02b5702e00202f7ade7da638000000000000a58f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000029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46545020202022538ea0202025c02020202020202025c03c3a345023a031d0000315448020202020202b5046bc465200000000000000004774ea59548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cb5d300008b5e450202df2077be</w:t>
      </w:r>
      <w:r w:rsidRPr="005B592D">
        <w:rPr>
          <w:rFonts w:ascii="Courier New" w:hAnsi="Courier New" w:cs="Courier New"/>
        </w:rPr>
        <w:t>020202020202020202020202728bc90202020202d293b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22a500000000000000004e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40db18000000</w:t>
      </w:r>
      <w:r w:rsidRPr="005B592D">
        <w:rPr>
          <w:rFonts w:ascii="Courier New" w:hAnsi="Courier New" w:cs="Courier New"/>
        </w:rPr>
        <w:t>155eb1dd0950c8cb0000009722020202020202020226046b6b6b6b0d630000000000001d25023ad2c3000000441863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87d020202020202020202020202020202020280e71d0000001d2f038045451ac40b0020c286000000000000c5020202020202020202020202020202485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68b0000133733220202</w:t>
      </w:r>
      <w:r w:rsidRPr="005B592D">
        <w:rPr>
          <w:rFonts w:ascii="Courier New" w:hAnsi="Courier New" w:cs="Courier New"/>
        </w:rPr>
        <w:t>4858e80b0000d3ba020202020202020202780b6b6b6b6b6b2e000000000000845d0242b714000014b9c31400000000000000ca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000027b</w:t>
      </w:r>
      <w:r w:rsidRPr="005B592D">
        <w:rPr>
          <w:rFonts w:ascii="Courier New" w:hAnsi="Courier New" w:cs="Courier New"/>
        </w:rPr>
        <w:t>44d50202020202450c33020202020202020202020202898b008ba4978120000000965c020202020245396ee004002e1400000000000000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d13c6e78002020202487a8b000014a5a3a80b008b973c0202020202020202020202726d3e0202020202e610c9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</w:t>
      </w:r>
      <w:r w:rsidRPr="005B592D">
        <w:rPr>
          <w:rFonts w:ascii="Courier New" w:hAnsi="Courier New" w:cs="Courier New"/>
        </w:rPr>
        <w:t>020202020202020202020202020202020202020202020202020202020202e80000000000000000d1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59e9c70414002e1d201d141431e1195d020202020202020202be309cbcbcbcbcbcbcbcbcbcbcbc1b43020202dd2d8d1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</w:t>
      </w:r>
      <w:r w:rsidRPr="005B592D">
        <w:rPr>
          <w:rFonts w:ascii="Courier New" w:hAnsi="Courier New" w:cs="Courier New"/>
        </w:rPr>
        <w:t>00000000008d4c480202020202020202020202020202020202025d7ee493000000148b04c31d00141603bebb14000000000067be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5ddeb0161400140da5d0d38b14141527420202020202020202020233d3bcbcbcbcbcbcbcbcbcbcbc9caf5902028f322f8b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</w:t>
      </w:r>
      <w:r w:rsidRPr="005B592D">
        <w:rPr>
          <w:rFonts w:ascii="Courier New" w:hAnsi="Courier New" w:cs="Courier New"/>
        </w:rPr>
        <w:t>14e726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000021e8dde020202020202c5ab020202020202020202020282b0000000000000000000006e450248e56f02713095255231329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bc46618d75118a077884ab09d47ba4702877820000000000000000000b97b02020202020202020202027d8a4502020202023a361c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b42e00000000000000a43a0202020202020202</w:t>
      </w:r>
      <w:r w:rsidRPr="005B592D">
        <w:rPr>
          <w:rFonts w:ascii="Courier New" w:hAnsi="Courier New" w:cs="Courier New"/>
        </w:rPr>
        <w:t>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48264d0e8630cb646194d64d7602020202020202020202025c80e6e6e6e6e6e6e6e6e6e6e6e62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6020202028f4bc135a7921d14206393794a480202020202020202020202020202020202020202028205bd07180d6b6b0d1881cab55d024ba700000000</w:t>
      </w:r>
      <w:r w:rsidRPr="005B592D">
        <w:rPr>
          <w:rFonts w:ascii="Courier New" w:hAnsi="Courier New" w:cs="Courier New"/>
        </w:rPr>
        <w:t>00162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8250397916c36b6b0d6db6dab545020202020202020202020206e6e6e6e6e6e6e6e6e6e6e6e6e63e3b0202023c0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e2a6d0b8b2e2e440d350e5a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0000276945a02020202020280d24802020202020202020202805f0000000000000000000013d74c39aa73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97980dc344c50883990659d5a882973350a06e4c83f93994ebdb900000000000000000000004c020202020202020202020275890202020202</w:t>
      </w:r>
      <w:r w:rsidRPr="005B592D">
        <w:rPr>
          <w:rFonts w:ascii="Courier New" w:hAnsi="Courier New" w:cs="Courier New"/>
        </w:rPr>
        <w:t>0202cac0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859300000000000000384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483b873c02020202020202020202020202</w:t>
      </w:r>
      <w:r w:rsidRPr="005B592D">
        <w:rPr>
          <w:rFonts w:ascii="Courier New" w:hAnsi="Courier New" w:cs="Courier New"/>
        </w:rPr>
        <w:t>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3b2571adc2a6893f5c02020202020202020202020202020202020202020202020202023c261ade7d855a5c020202020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50000000000a74c020202020202020202020202020202020202020202024580d47d69223c02020202020202020202020202020202</w:t>
      </w:r>
      <w:r w:rsidRPr="005B592D">
        <w:rPr>
          <w:rFonts w:ascii="Courier New" w:hAnsi="Courier New" w:cs="Courier New"/>
        </w:rPr>
        <w:t>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410a29498ea0b545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0000245bb82020202020202457e875c45288702020202</w:t>
      </w:r>
      <w:r w:rsidRPr="005B592D">
        <w:rPr>
          <w:rFonts w:ascii="Courier New" w:hAnsi="Courier New" w:cs="Courier New"/>
        </w:rPr>
        <w:t>0202092f00000000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1da713087d025855e0cdbf11ae911a5e67de27374bc4cb912a56e258441d6b20000000000000000000000014ba02020202020245828f5d021a41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a058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26e3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830a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48020202020202020202020202020202020202</w:t>
      </w:r>
      <w:r w:rsidRPr="005B592D">
        <w:rPr>
          <w:rFonts w:ascii="Courier New" w:hAnsi="Courier New" w:cs="Courier New"/>
        </w:rPr>
        <w:t>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60c00000000002ebd3c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5c5c02020202020202020202020202020202020202020202</w:t>
      </w:r>
      <w:r w:rsidRPr="005B592D">
        <w:rPr>
          <w:rFonts w:ascii="Courier New" w:hAnsi="Courier New" w:cs="Courier New"/>
        </w:rPr>
        <w:t>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0000248803b020202020202028226df5e8677d226020202023ad8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00000000000098d402028535d6c152e0939b1dcd88b0e1cdd87e4fae54021e6b00000000</w:t>
      </w:r>
      <w:r w:rsidRPr="005B592D">
        <w:rPr>
          <w:rFonts w:ascii="Courier New" w:hAnsi="Courier New" w:cs="Courier New"/>
        </w:rPr>
        <w:t>0000000000000000000010400202020206b29aa4af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ca724502020202020202023f87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28841400000000000044cf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5c9d2e0000000000a4450202020202020202020202020202</w:t>
      </w:r>
      <w:r w:rsidRPr="005B592D">
        <w:rPr>
          <w:rFonts w:ascii="Courier New" w:hAnsi="Courier New" w:cs="Courier New"/>
        </w:rPr>
        <w:t>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</w:t>
      </w:r>
      <w:r w:rsidRPr="005B592D">
        <w:rPr>
          <w:rFonts w:ascii="Courier New" w:hAnsi="Courier New" w:cs="Courier New"/>
        </w:rPr>
        <w:t>02020202020202000002025c020202020202024872659f56cc561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1545c0202025a550b142ec31d00000000000000003409020226880e3f3b9e20000000cc5006cc493f0277db3c5da10000000000000000141820149265de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5c6a70cd56c2a335989e3b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5cd62000000000000000523c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7e4400000000009859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000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5a588babe028f7da8357d020202027411bd03cfb90000000000000000</w:t>
      </w:r>
      <w:r w:rsidRPr="005B592D">
        <w:rPr>
          <w:rFonts w:ascii="Courier New" w:hAnsi="Courier New" w:cs="Courier New"/>
        </w:rPr>
        <w:t>6c3b0202024cb6bd02739b0000006b888275c6944812c78202290d000000000000002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b29dbdc4202020202dd2f354e82023c3e2115dc5d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1c9200000000</w:t>
      </w:r>
      <w:r w:rsidRPr="005B592D">
        <w:rPr>
          <w:rFonts w:ascii="Courier New" w:hAnsi="Courier New" w:cs="Courier New"/>
        </w:rPr>
        <w:t>000000703b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</w:t>
      </w:r>
      <w:r w:rsidRPr="005B592D">
        <w:rPr>
          <w:rFonts w:ascii="Courier New" w:hAnsi="Courier New" w:cs="Courier New"/>
        </w:rPr>
        <w:t>02020202020202821500000000001dd4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000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22a8b742020202020282a3cd7d02020202025c3ad644000092b33008168a400202020202ced75c8fd824d0164484221c2f0a402ad93b023aa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a59835d783000000a8455c02020202022636c40902</w:t>
      </w:r>
      <w:r w:rsidRPr="005B592D">
        <w:rPr>
          <w:rFonts w:ascii="Courier New" w:hAnsi="Courier New" w:cs="Courier New"/>
        </w:rPr>
        <w:t>020202025dda93c0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589300000000000000182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8a0000000000003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000020202020202020202</w:t>
      </w:r>
      <w:r w:rsidRPr="005B592D">
        <w:rPr>
          <w:rFonts w:ascii="Courier New" w:hAnsi="Courier New" w:cs="Courier New"/>
        </w:rPr>
        <w:t>71cb055c3c4802020202581b9428020202025c7e8d0000000b1a427c698202020202091137bf4840596f7469abaec4d34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487670b20202025d58b57b25980000000b2b3b020202025c399b7202020202485d487435685d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</w:t>
      </w:r>
      <w:r w:rsidRPr="005B592D">
        <w:rPr>
          <w:rFonts w:ascii="Courier New" w:hAnsi="Courier New" w:cs="Courier New"/>
        </w:rPr>
        <w:t>0202020202020202020202020202020202020202020202024510000000000000002ed4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d51400000000005e3c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000020202020202020248cc706ace21234c4702023cce08cf5c025c413316000000006b5b0202020202020222610c217a09d0c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3c02020276bdc1</w:t>
      </w:r>
      <w:r w:rsidRPr="005B592D">
        <w:rPr>
          <w:rFonts w:ascii="Courier New" w:hAnsi="Courier New" w:cs="Courier New"/>
        </w:rPr>
        <w:t>0202028ea33a020202020202091b000000000db8255d0202b58d210202023b73c8b3c14ed15f80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840000000000000000d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5930000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d026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</w:t>
      </w:r>
      <w:r w:rsidRPr="005B592D">
        <w:rPr>
          <w:rFonts w:ascii="Courier New" w:hAnsi="Courier New" w:cs="Courier New"/>
        </w:rPr>
        <w:t>02020202020202020202020202020202020202000002020202020202025d071b34a1aca5047d02020282b7c65e8c5e2f0d00000000006d2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b167090abba499c7c8c98202023b8f02025c6cca5d0202020202025ab6000000000020cb79772738641a0202023f6615a9515f3883c0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ad1400000000000000c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d0202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3e350000000000cd7c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0000202020202020202be83a55740023998450202020257920000000000</w:t>
      </w:r>
      <w:r w:rsidRPr="005B592D">
        <w:rPr>
          <w:rFonts w:ascii="Courier New" w:hAnsi="Courier New" w:cs="Courier New"/>
        </w:rPr>
        <w:t>00000000002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c0202020202025dbf03222a35973a196598c002020202020274884a020202020202025dc12e0000000000000000002e21870202023cc2864548698ac311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896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00a17b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28c400000000008bc5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00002020202020202028f9a25020202a92a020202028fb5b60000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001d8e0202020202020225b669b13885263f743f6cb75009907b3e0982b88c870202020202020275b900000000</w:t>
      </w:r>
      <w:r w:rsidRPr="005B592D">
        <w:rPr>
          <w:rFonts w:ascii="Courier New" w:hAnsi="Courier New" w:cs="Courier New"/>
        </w:rPr>
        <w:t>000000000083ba6f3c020202112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26020228bb4c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5bbc00000000000000187502020202020202020202020202020202020202020202020202020202020202</w:t>
      </w:r>
      <w:r w:rsidRPr="005B592D">
        <w:rPr>
          <w:rFonts w:ascii="Courier New" w:hAnsi="Courier New" w:cs="Courier New"/>
        </w:rPr>
        <w:t>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5cbd000000000000365c02020202020202020202020202020202020202</w:t>
      </w:r>
      <w:r w:rsidRPr="005B592D">
        <w:rPr>
          <w:rFonts w:ascii="Courier New" w:hAnsi="Courier New" w:cs="Courier New"/>
        </w:rPr>
        <w:t>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</w:t>
      </w:r>
      <w:r w:rsidRPr="005B592D">
        <w:rPr>
          <w:rFonts w:ascii="Courier New" w:hAnsi="Courier New" w:cs="Courier New"/>
        </w:rPr>
        <w:t>000002020202020202023c8202020202a8a9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870f9461181d0000000000000000aa2502020202020202abac1e51ad40212fae3925649c5f2faf868a3f71a5460202020202020287b000000000000000008b1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565ada20202b1303f0202025d45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8f194c4c4c4c4cb261000000000000001db3b411111111114e5d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71000000000000938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000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995502829a9b77897405070000000000009c7c020202020202023a389d596733</w:t>
      </w:r>
      <w:r w:rsidRPr="005B592D">
        <w:rPr>
          <w:rFonts w:ascii="Courier New" w:hAnsi="Courier New" w:cs="Courier New"/>
        </w:rPr>
        <w:t>769e9f6ea03fa1006158a25b3e3ea39947020202020202020274a4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00000000310f4625391ba54b5ca67040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6f6744444444448b2e00000000000000001d8b</w:t>
      </w:r>
      <w:r w:rsidRPr="005B592D">
        <w:rPr>
          <w:rFonts w:ascii="Courier New" w:hAnsi="Courier New" w:cs="Courier New"/>
        </w:rPr>
        <w:t>8b8b8b8b8b4469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</w:t>
      </w:r>
      <w:r w:rsidRPr="005B592D">
        <w:rPr>
          <w:rFonts w:ascii="Courier New" w:hAnsi="Courier New" w:cs="Courier New"/>
        </w:rPr>
        <w:t>02025aa70000000000004b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000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6083260e164f3a02025c85863144440b0c0a0202020202020202872388896c8a450908863a7e8b007f408c8837308d8e8f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90911592139394954802023c0a676774966c5d020202</w:t>
      </w:r>
      <w:r w:rsidRPr="005B592D">
        <w:rPr>
          <w:rFonts w:ascii="Courier New" w:hAnsi="Courier New" w:cs="Courier New"/>
        </w:rPr>
        <w:t>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5d97926363636363636363636363636363636363636363639260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462c71717171711c980000000000001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00002020202020202020202020202026f70</w:t>
      </w:r>
      <w:r w:rsidRPr="005B592D">
        <w:rPr>
          <w:rFonts w:ascii="Courier New" w:hAnsi="Courier New" w:cs="Courier New"/>
        </w:rPr>
        <w:t>5515715c020202020202227273745c0202020202020202020202751b3129767778797a7b07146454257c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7d1a7e7f2d060202020202020202020245805876020202020202027481306d25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</w:t>
      </w:r>
      <w:r w:rsidRPr="005B592D">
        <w:rPr>
          <w:rFonts w:ascii="Courier New" w:hAnsi="Courier New" w:cs="Courier New"/>
        </w:rPr>
        <w:t>02020202020202020202020282090909090909090909090909090909090909090909090976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</w:t>
      </w:r>
      <w:r w:rsidRPr="005B592D">
        <w:rPr>
          <w:rFonts w:ascii="Courier New" w:hAnsi="Courier New" w:cs="Courier New"/>
        </w:rPr>
        <w:t>020202020202020202020202020202020202020202020202022683000000000000000000000000008445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00002020202020202020202020202025c4c130c5d02020202020202020202020202020202020202020202023a5e35414f5f456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1586263006465666768696a3019</w:t>
      </w:r>
      <w:r w:rsidRPr="005B592D">
        <w:rPr>
          <w:rFonts w:ascii="Courier New" w:hAnsi="Courier New" w:cs="Courier New"/>
        </w:rPr>
        <w:t>0202020202020202020202020202020202020202025c336b6c48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3a3d6d6d6d6d6d6d6d6d6d6d6d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d6d6e26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</w:t>
      </w:r>
      <w:r w:rsidRPr="005B592D">
        <w:rPr>
          <w:rFonts w:ascii="Courier New" w:hAnsi="Courier New" w:cs="Courier New"/>
        </w:rPr>
        <w:t>020202020202020202020202000002020202020202020202020202020248494a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4b354c4d4e3c094f5051140052534d54275555565702020202020202020202020202020202020202020202584959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5a5b5b5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5b5b5b5b5b5b5b5b5b5b3e3b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000020202020202020202020202020202023a3b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3c0e3d3e3f40414243440000320202024546464647020202020202020202020202020202020202020202023c3a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000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331b3435363738371d000039020202020202020202020202020202020202020202020202020202</w:t>
      </w:r>
      <w:r w:rsidRPr="005B592D">
        <w:rPr>
          <w:rFonts w:ascii="Courier New" w:hAnsi="Courier New" w:cs="Courier New"/>
        </w:rPr>
        <w:t>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0000202020202</w:t>
      </w:r>
      <w:r w:rsidRPr="005B592D">
        <w:rPr>
          <w:rFonts w:ascii="Courier New" w:hAnsi="Courier New" w:cs="Courier New"/>
        </w:rPr>
        <w:t>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292a2b2c2d2e0d2f3031003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000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92202022314242526</w:t>
      </w:r>
      <w:r w:rsidRPr="005B592D">
        <w:rPr>
          <w:rFonts w:ascii="Courier New" w:hAnsi="Courier New" w:cs="Courier New"/>
        </w:rPr>
        <w:t>1f002728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000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1c1d00071e021f002021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0000202020202020202020202020202020202020202020202</w:t>
      </w:r>
      <w:r w:rsidRPr="005B592D">
        <w:rPr>
          <w:rFonts w:ascii="Courier New" w:hAnsi="Courier New" w:cs="Courier New"/>
        </w:rPr>
        <w:t>02020202020202020202020202020202020202020202020217140018191a1b00000c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00002020202020202020202020202020202020202020202020202020202020202020202020202020202020202020202020314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15161400000c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</w:t>
      </w:r>
      <w:r w:rsidRPr="005B592D">
        <w:rPr>
          <w:rFonts w:ascii="Courier New" w:hAnsi="Courier New" w:cs="Courier New"/>
        </w:rPr>
        <w:t>02020202020000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314000000000000000c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000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</w:t>
      </w:r>
      <w:r w:rsidRPr="005B592D">
        <w:rPr>
          <w:rFonts w:ascii="Courier New" w:hAnsi="Courier New" w:cs="Courier New"/>
        </w:rPr>
        <w:t>0202020202020314000000000000000c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</w:t>
      </w: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</w:t>
      </w:r>
      <w:r w:rsidRPr="005B592D">
        <w:rPr>
          <w:rFonts w:ascii="Courier New" w:hAnsi="Courier New" w:cs="Courier New"/>
        </w:rPr>
        <w:t>02020202020202020202020202020202020202020202020202020202020202020202020000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30d0e0f10041112130c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000020202020202020202020202</w:t>
      </w:r>
      <w:r w:rsidRPr="005B592D">
        <w:rPr>
          <w:rFonts w:ascii="Courier New" w:hAnsi="Courier New" w:cs="Courier New"/>
        </w:rPr>
        <w:t>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30405060708090a0b0c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2020202020202020202020202020202020202020202020202020202020202020202020202020202020202020202020202020202</w:t>
      </w:r>
      <w:r w:rsidRPr="005B592D">
        <w:rPr>
          <w:rFonts w:ascii="Courier New" w:hAnsi="Courier New" w:cs="Courier New"/>
        </w:rPr>
        <w:t>02020202020202020202020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020202020202020202020202020202020202020202020202020202020202020202020202020202020202020202020202020202020000040000002701ffff030000000000}\par}}}{\insrsid741416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\plain \s1\qj \li0\ri0\keepn\widctlpar\aspalpha\a</w:t>
      </w:r>
      <w:r w:rsidRPr="005B592D">
        <w:rPr>
          <w:rFonts w:ascii="Courier New" w:hAnsi="Courier New" w:cs="Courier New"/>
        </w:rPr>
        <w:t xml:space="preserve">spnum\faauto\outlinelevel0\adjustright\rin0\lin0\itap0 \b\f1\fs24\ul\lang2057\langfe1033\cgrid\langnp2057\langfenp1033 {\ulnone\insrsid741416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\plain \ql \li0\ri0\widctlpar\aspalpha\aspnum\faauto\adjustright\rin0\lin0\itap0\pararsid7414163 \f1</w:t>
      </w:r>
      <w:r w:rsidRPr="005B592D">
        <w:rPr>
          <w:rFonts w:ascii="Courier New" w:hAnsi="Courier New" w:cs="Courier New"/>
        </w:rPr>
        <w:t>\fs24\lang2057\langfe1033\cgrid\langnp2057\langfenp1033 {\b\insrsid14508858 2}{\b\insrsid11955683 1}{\b\insrsid14508858  December 2004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b\insrsid741416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}{\insrsid14508858\charrsid741416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 \qc \li0\ri0\widctlpar\aspalpha\aspnum\faaut</w:t>
      </w:r>
      <w:r w:rsidRPr="005B592D">
        <w:rPr>
          <w:rFonts w:ascii="Courier New" w:hAnsi="Courier New" w:cs="Courier New"/>
        </w:rPr>
        <w:t>o\adjustright\rin0\lin0\itap0 {\b\insrsid7102914 Service Announcement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}\pard \ql \li0\ri0\widctlpar\aspalpha\aspnum\faauto\adjustright\rin0\lin0\itap0\pararsid14884286 {\insrsid1588798\charrsid1588798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 \qc \li0\ri0\widctlpar\aspalpha\asp</w:t>
      </w:r>
      <w:r w:rsidRPr="005B592D">
        <w:rPr>
          <w:rFonts w:ascii="Courier New" w:hAnsi="Courier New" w:cs="Courier New"/>
        </w:rPr>
        <w:t>num\faauto\adjustright\rin0\lin0\itap0\pararsid5122886 {\b\insrsid5122886 Trading and London Market Information Link (LMIL)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{\b\insrsid14508858 D}{\b\insrsid401915 utch }{\b\insrsid14508858 T}{\b\insrsid401915 rading Service (DTS)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{\b\</w:t>
      </w:r>
      <w:r w:rsidRPr="005B592D">
        <w:rPr>
          <w:rFonts w:ascii="Courier New" w:hAnsi="Courier New" w:cs="Courier New"/>
        </w:rPr>
        <w:t xml:space="preserve">insrsid12585739\charrsid12585739 Christmas and New Year service arrangements 2004/05}{\b\insrsid5122886\charrsid12585739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}{\b\insrsid12585739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\plain \s18\qj \li0\ri0\widctlpar\aspalpha\aspnum\faauto\adjustright\rin0\lin0\itap0\pararsid5</w:t>
      </w:r>
      <w:r w:rsidRPr="005B592D">
        <w:rPr>
          <w:rFonts w:ascii="Courier New" w:hAnsi="Courier New" w:cs="Courier New"/>
        </w:rPr>
        <w:t xml:space="preserve">122886 \f1\fs24\lang2057\langfe1033\cgrid\langnp2057\langfenp1033 {\insrsid5122886 The purpose of this Service Announcement is to }{\insrsid16586881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inform you of }{\insrsid6714967 the }{\insrsid16586881 revised 2004/2005 }{\insrsid12585739 Christmas and</w:t>
      </w:r>
      <w:r w:rsidRPr="005B592D">
        <w:rPr>
          <w:rFonts w:ascii="Courier New" w:hAnsi="Courier New" w:cs="Courier New"/>
        </w:rPr>
        <w:t xml:space="preserve"> N}{\insrsid11094648 ew Year service arrangements}{\insrsid12585739  }{\insrsid16586881 in respect of DTS}{\insrsid12585739 .}{\fs20\insrsid12585739 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}{\fs20\insrsid5122886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}{\b\insrsid12585739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{\insrsid16586881 The trading schedule }{\ins</w:t>
      </w:r>
      <w:r w:rsidRPr="005B592D">
        <w:rPr>
          <w:rFonts w:ascii="Courier New" w:hAnsi="Courier New" w:cs="Courier New"/>
        </w:rPr>
        <w:t>rsid14508858 for 24 and 31 December }{\insrsid11094648 will now be as follows}{\insrsid14508858 ,}{\insrsid11094648  }{\insrsid14508858 i}{\insrsid16586881 n l}{\insrsid16586881\charrsid16586881 i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6586881 ne with local market practices}{\insrsi</w:t>
      </w:r>
      <w:r w:rsidRPr="005B592D">
        <w:rPr>
          <w:rFonts w:ascii="Courier New" w:hAnsi="Courier New" w:cs="Courier New"/>
        </w:rPr>
        <w:t xml:space="preserve">d11094648 :}{\insrsid16586881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}\pard\plain \ql \li0\ri0\widctlpar\aspalpha\aspnum\faauto\adjustright\rin0\lin0\itap0\pararsid11094648 \f1\fs24\lang2057\langfe1033\cgrid\langnp2057\langfenp1033 {\b\cf6\insrsid11094648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trowd \irow0\irowband0\</w:t>
      </w:r>
      <w:r w:rsidRPr="005B592D">
        <w:rPr>
          <w:rFonts w:ascii="Courier New" w:hAnsi="Courier New" w:cs="Courier New"/>
        </w:rPr>
        <w:t xml:space="preserve">ts11\trgaph108\trleft-108\trftsWidth3\trwWidth9464\trftsWidthB3\trftsWidthA3\trpaddl108\trpaddr108\trpaddfl3\trpaddft3\trpaddfb3\trpaddfr3 \clvertalc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</w:t>
      </w:r>
      <w:r w:rsidRPr="005B592D">
        <w:rPr>
          <w:rFonts w:ascii="Courier New" w:hAnsi="Courier New" w:cs="Courier New"/>
        </w:rPr>
        <w:t xml:space="preserve">shdrawnil \cellx1843\clvertalc\clbrdrt\brdrtbl \clbrdrl\brdrtbl \clbrdrb\brdrtbl \clbrdrr\brdrtbl \cltxlrtb\clftsWidth3\clwWidth4440\clshdrawnil \cellx6283\clvertalc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</w:t>
      </w:r>
      <w:r w:rsidRPr="005B592D">
        <w:rPr>
          <w:rFonts w:ascii="Courier New" w:hAnsi="Courier New" w:cs="Courier New"/>
        </w:rPr>
        <w:t xml:space="preserve">\clwWidth1536\clshdrawnil \cellx7819\clvertalc\clbrdrt\brdrtbl \clbrdrl\brdrtbl \clbrdrb\brdrtbl \clbrdrr\brdrtbl \cltxlrtb\clftsWidth3\clwWidth1537\clshdrawnil \cellx9356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auto\adjustright\rin0\lin0\par</w:t>
      </w:r>
      <w:r w:rsidRPr="005B592D">
        <w:rPr>
          <w:rFonts w:ascii="Courier New" w:hAnsi="Courier New" w:cs="Courier New"/>
        </w:rPr>
        <w:t>arsid6714967 {\b\insrsid2508098 Period name\cell Period description\cell }\pard \ql \li0\ri0\widctlpar\intbl\aspalpha\aspnum\faauto\adjustright\rin0\lin0\pararsid2508098 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b\insrsid2508098 Start time\cell Start time\cell }\pard \ql \li0\ri0\widctlpar\int</w:t>
      </w:r>
      <w:r w:rsidRPr="005B592D">
        <w:rPr>
          <w:rFonts w:ascii="Courier New" w:hAnsi="Courier New" w:cs="Courier New"/>
        </w:rPr>
        <w:t>bl\aspalpha\aspnum\faauto\adjustright\rin0\lin0 {\b\insrsid2508098 \trowd \irow0\irowband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left-108\trftsWidth3\trwWidth9464\trftsWidthB3\trftsWidthA3\trpaddl108\trpaddr108\trpaddfl3\trpaddft3\trpaddfb3\trpaddfr3 \clvertalc\clbrdrt\brdrt</w:t>
      </w:r>
      <w:r w:rsidRPr="005B592D">
        <w:rPr>
          <w:rFonts w:ascii="Courier New" w:hAnsi="Courier New" w:cs="Courier New"/>
        </w:rPr>
        <w:t xml:space="preserve">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c\clbrdrt\brdrtbl \clbrdrl\brdrtbl \clbrdrb\brdrtbl \clbrdrr\brdrtbl \cltxlrtb\clftsWidth3\clwWidth4440\clshdrawnil \cellx6283\clverta</w:t>
      </w:r>
      <w:r w:rsidRPr="005B592D">
        <w:rPr>
          <w:rFonts w:ascii="Courier New" w:hAnsi="Courier New" w:cs="Courier New"/>
        </w:rPr>
        <w:t xml:space="preserve">lc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rtalc\clbrdrt\brdrtbl \clbrdrl\brdrtbl \clbrdrb\brdrtbl \clbrdrr\brdrtbl \cltxlrtb\clftsWidth3\clwWidth1537\clshdrawnil \c</w:t>
      </w:r>
      <w:r w:rsidRPr="005B592D">
        <w:rPr>
          <w:rFonts w:ascii="Courier New" w:hAnsi="Courier New" w:cs="Courier New"/>
        </w:rPr>
        <w:t>ellx9356\row }\trowd \irow1\irowband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left-108\trftsWidth3\trwWidth9464\trftsWidthB3\trftsWidthA3\trpaddl108\trpaddr108\trpaddfl3\trpaddft3\trpaddfb3\trpaddfr3 \clvertalt\clbrdrt\brdrtbl \clbrdrl\brdrtbl \clbrdrb\brdrtbl \clbrdrr\brdrtbl</w:t>
      </w:r>
      <w:r w:rsidRPr="005B592D">
        <w:rPr>
          <w:rFonts w:ascii="Courier New" w:hAnsi="Courier New" w:cs="Courier New"/>
        </w:rPr>
        <w:t xml:space="preserve">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cltxlrtb\clftsWidth3\clwWidth1951\clshdrawnil \cellx1843\clvertalt\clbrdrt\brdrtbl \clbrdrl\brdrtbl \clbrdrb\brdrtbl \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clbrdrr\brdrtbl \cltxlrtb\clftsWidth3\clwWidth1536\clshdrawnil \cellx7819\clvertalt\clbrdrt\brdrtbl \clbrdrl\brdrtbl \clbrdrb\brdrtbl \clbrdrr\brdrtbl \cltxlrtb\clftsWidth3\clwWidth1537\clshdrawnil \cellx9356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</w:t>
      </w:r>
      <w:r w:rsidRPr="005B592D">
        <w:rPr>
          <w:rFonts w:ascii="Courier New" w:hAnsi="Courier New" w:cs="Courier New"/>
        </w:rPr>
        <w:t xml:space="preserve">\aspnum\faauto\adjustright\rin0\lin0\pararsid6714967 {\insrsid11094648 \cell \cell }{\b\insrsid11094648\charrsid10751206 GMT\cell CET\cell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auto\adjustright\rin0\lin0 {\insrsid11094648 \trowd \irow1\ir</w:t>
      </w:r>
      <w:r w:rsidRPr="005B592D">
        <w:rPr>
          <w:rFonts w:ascii="Courier New" w:hAnsi="Courier New" w:cs="Courier New"/>
        </w:rPr>
        <w:t xml:space="preserve">owband1\ts11\trgaph108\trleft-108\trftsWidth3\trwWidth9464\trftsWidthB3\trftsWidthA3\trpaddl108\trpaddr108\trpaddfl3\trpaddft3\trpaddfb3\trpaddfr3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vertalt\clbrdrt\brdrtbl \clbrdrl\brdrtbl \clbrdrb\brdrtbl \clbrdrr\brdrtbl \cltxlrtb\clftsWidth3\clwWidt</w:t>
      </w:r>
      <w:r w:rsidRPr="005B592D">
        <w:rPr>
          <w:rFonts w:ascii="Courier New" w:hAnsi="Courier New" w:cs="Courier New"/>
        </w:rPr>
        <w:t xml:space="preserve">h1951\clshdrawnil \cellx1843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4440\clshdrawnil \cellx6283\clvertalt\clbrdrt\brdrtbl \clbrdrl\brdrtbl \clbrdrb\brdrtbl \clbrdrr\brdrtbl \cltxlrtb\clf</w:t>
      </w:r>
      <w:r w:rsidRPr="005B592D">
        <w:rPr>
          <w:rFonts w:ascii="Courier New" w:hAnsi="Courier New" w:cs="Courier New"/>
        </w:rPr>
        <w:t xml:space="preserve">tsWidth3\clwWidth1536\clshdrawnil \cellx7819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7\clshdrawnil \cellx9356\row }\pard \ql \li0\ri0\widctlpar\intbl\aspalpha\aspnum\faauto\adjustright</w:t>
      </w:r>
      <w:r w:rsidRPr="005B592D">
        <w:rPr>
          <w:rFonts w:ascii="Courier New" w:hAnsi="Courier New" w:cs="Courier New"/>
        </w:rPr>
        <w:t>\rin0\lin0\pararsid6714967 {\insrsid11094648\charrsid12334462 OPEN\cell Trading System Open\cell 06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1094648 :}{\insrsid11094648\charrsid12334462 29\cell }{\insrsid11094648 07:29}{\insrsid11094648\charrsid12334462 \cell }\pard \ql \li0\ri0\widct</w:t>
      </w:r>
      <w:r w:rsidRPr="005B592D">
        <w:rPr>
          <w:rFonts w:ascii="Courier New" w:hAnsi="Courier New" w:cs="Courier New"/>
        </w:rPr>
        <w:t>lpar\intbl\aspalpha\aspnum\faauto\adjustright\rin0\lin0 {\insrsid11094648 \trowd \irow2\irowband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left-108\trftsWidth3\trwWidth9464\trftsWidthB3\trftsWidthA3\trpaddl108\trpaddr108\trpaddfl3\trpaddft3\trpaddfb3\trpaddfr3 \clvertalt\clbrdr</w:t>
      </w:r>
      <w:r w:rsidRPr="005B592D">
        <w:rPr>
          <w:rFonts w:ascii="Courier New" w:hAnsi="Courier New" w:cs="Courier New"/>
        </w:rPr>
        <w:t xml:space="preserve">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rdrl\brdrtbl \clbrdrb\brdrtbl \clbrdrr\brdrtbl \cltxlrtb\clftsWidth3\clwWidth4440\clshdrawnil \cellx6283\</w:t>
      </w:r>
      <w:r w:rsidRPr="005B592D">
        <w:rPr>
          <w:rFonts w:ascii="Courier New" w:hAnsi="Courier New" w:cs="Courier New"/>
        </w:rPr>
        <w:t xml:space="preserve">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rtalt\clbrdrt\brdrtbl \clbrdrl\brdrtbl \clbrdrb\brdrtbl \clbrdrr\brdrtbl \cltxlrtb\clftsWidth3\clwWidth1537\clshdra</w:t>
      </w:r>
      <w:r w:rsidRPr="005B592D">
        <w:rPr>
          <w:rFonts w:ascii="Courier New" w:hAnsi="Courier New" w:cs="Courier New"/>
        </w:rPr>
        <w:t xml:space="preserve">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auto\adjustright\rin0\lin0\pararsid6714967 {\insrsid11094648\charrsid12334462 POBT\tab \cell Pre Order Book Trading\tab \cell 06}{\insrsid11094648 :}{\insrsid11094648\charrsid12334</w:t>
      </w:r>
      <w:r w:rsidRPr="005B592D">
        <w:rPr>
          <w:rFonts w:ascii="Courier New" w:hAnsi="Courier New" w:cs="Courier New"/>
        </w:rPr>
        <w:t>462 30\cell 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1094648 07:30}{\insrsid11094648\charrsid12334462 \cell }\pard \ql \li0\ri0\widctlpar\intbl\aspalpha\aspnum\faauto\adjustright\rin0\lin0 {\insrsid11094648 \trowd \irow3\irowband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left-108\trftsWidth3\trwWidth9464\</w:t>
      </w:r>
      <w:r w:rsidRPr="005B592D">
        <w:rPr>
          <w:rFonts w:ascii="Courier New" w:hAnsi="Courier New" w:cs="Courier New"/>
        </w:rPr>
        <w:t xml:space="preserve">trftsWidthB3\trftsWidthA3\trpaddl108\trpaddr108\trpaddfl3\trpaddft3\trpaddfb3\trpaddfr3 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</w:t>
      </w:r>
      <w:r w:rsidRPr="005B592D">
        <w:rPr>
          <w:rFonts w:ascii="Courier New" w:hAnsi="Courier New" w:cs="Courier New"/>
        </w:rPr>
        <w:t xml:space="preserve">rdrl\brdrtbl \clbrdrb\brdrtbl \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rtalt\clbr</w:t>
      </w:r>
      <w:r w:rsidRPr="005B592D">
        <w:rPr>
          <w:rFonts w:ascii="Courier New" w:hAnsi="Courier New" w:cs="Courier New"/>
        </w:rPr>
        <w:t xml:space="preserve">drt\brdrtbl \clbrdrl\brdrtbl \clbrdrb\brdrtbl \clbrdrr\brdrtbl \cltxlrtb\clftsWidth3\clwWidth1537\clshdra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auto\adjustright\rin0\lin0\pararsid6714967 {\insrsid11094648\charrsid123344</w:t>
      </w:r>
      <w:r w:rsidRPr="005B592D">
        <w:rPr>
          <w:rFonts w:ascii="Courier New" w:hAnsi="Courier New" w:cs="Courier New"/>
        </w:rPr>
        <w:t>62 OBTR\cell Order Book Trading\cell 08}{\insrsid11094648 :}{\insrsid11094648\charrsid12334462 00\cell }{\insrsid11094648 09:00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1094648\charrsid12334462 \cell }\pard \ql \li0\ri0\widctlpar\intbl\aspalpha\aspnum\faauto\adjustright\rin0\lin0 {\in</w:t>
      </w:r>
      <w:r w:rsidRPr="005B592D">
        <w:rPr>
          <w:rFonts w:ascii="Courier New" w:hAnsi="Courier New" w:cs="Courier New"/>
        </w:rPr>
        <w:t>srsid11094648 \trowd \irow4\irowband4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left-108\trftsWidth3\trwWidth9464\trftsWidthB3\trftsWidthA3\trpaddl108\trpaddr108\trpaddfl3\trpaddft3\trpaddfb3\trpaddfr3 \clvertalt\clbrdrt\brdrtbl \clbrdrl\brdrtbl \clbrdrb\brdrtbl \clbrdrr\brdrtbl</w:t>
      </w:r>
      <w:r w:rsidRPr="005B592D">
        <w:rPr>
          <w:rFonts w:ascii="Courier New" w:hAnsi="Courier New" w:cs="Courier New"/>
        </w:rPr>
        <w:t xml:space="preserve">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cltxlrtb\clftsWidth3\clwWidth1951\clshdrawnil \cellx1843\clvertalt\clbrdrt\brdrtbl \clbrdrl\brdrtbl \clbrdrb\brdrtbl \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clbrdrr\brdrtbl \cltxlrtb\clftsWidth3\clwWidth1536\clshdrawnil \cellx7819\clvertalt\clbrdrt\brdrtbl \clbrdrl\brdrtbl \clbrdrb\brdrtbl \clbrdrr\brdrtbl \cltxlrtb\clftsWidth3\clwWidth1537\clshdra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</w:t>
      </w:r>
      <w:r w:rsidRPr="005B592D">
        <w:rPr>
          <w:rFonts w:ascii="Courier New" w:hAnsi="Courier New" w:cs="Courier New"/>
        </w:rPr>
        <w:t>palpha\aspnum\faauto\adjustright\rin0\lin0\pararsid6714967 {\insrsid11094648\charrsid12334462 OBK5\tab \tab \cell Order Book Trading\cell 12}{\insrsid11094648 :}{\insrsid2508098 4}{\insrsid11094648\charrsid12334462 8\cell 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1094648 13:}{\insrsid</w:t>
      </w:r>
      <w:r w:rsidRPr="005B592D">
        <w:rPr>
          <w:rFonts w:ascii="Courier New" w:hAnsi="Courier New" w:cs="Courier New"/>
        </w:rPr>
        <w:t>2508098 4}{\insrsid11094648 8}{\insrsid11094648\charrsid12334462 \cell }\pard \ql \li0\ri0\widctlpar\intbl\aspalpha\aspnum\faauto\adjustright\rin0\lin0 {\insrsid11094648 \trowd \irow5\irowband5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left-108\trftsWidth3\trwWidth9464\trftsWidt</w:t>
      </w:r>
      <w:r w:rsidRPr="005B592D">
        <w:rPr>
          <w:rFonts w:ascii="Courier New" w:hAnsi="Courier New" w:cs="Courier New"/>
        </w:rPr>
        <w:t xml:space="preserve">hB3\trftsWidthA3\trpaddl108\trpaddr108\trpaddfl3\trpaddft3\trpaddfb3\trpaddfr3 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rdrl\brdr</w:t>
      </w:r>
      <w:r w:rsidRPr="005B592D">
        <w:rPr>
          <w:rFonts w:ascii="Courier New" w:hAnsi="Courier New" w:cs="Courier New"/>
        </w:rPr>
        <w:t xml:space="preserve">tbl \clbrdrb\brdrtbl \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rtalt\clbrdrt\brdrt</w:t>
      </w:r>
      <w:r w:rsidRPr="005B592D">
        <w:rPr>
          <w:rFonts w:ascii="Courier New" w:hAnsi="Courier New" w:cs="Courier New"/>
        </w:rPr>
        <w:t xml:space="preserve">bl \clbrdrl\brdrtbl \clbrdrb\brdrtbl \clbrdrr\brdrtbl \cltxlrtb\clftsWidth3\clwWidth1537\clshdra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auto\adjustright\rin0\lin0\pararsid6714967 {\insrsid11094648\charrsid12334462 OBK6\c</w:t>
      </w:r>
      <w:r w:rsidRPr="005B592D">
        <w:rPr>
          <w:rFonts w:ascii="Courier New" w:hAnsi="Courier New" w:cs="Courier New"/>
        </w:rPr>
        <w:t>ell Order Book Trading\cell 12}{\insrsid11094648 :}{\insrsid2508098 50}{\insrsid11094648\charrsid12334462 \cell 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1094648 13:}{\insrsid2508098 50}{\insrsid11094648\charrsid12334462 \cell }\pard \ql \li0\ri0\widctlpar\intbl\aspalpha\aspnum\faauto</w:t>
      </w:r>
      <w:r w:rsidRPr="005B592D">
        <w:rPr>
          <w:rFonts w:ascii="Courier New" w:hAnsi="Courier New" w:cs="Courier New"/>
        </w:rPr>
        <w:t>\adjustright\rin0\lin0 {\insrsid11094648 \trowd \irow6\irowband6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left-108\trftsWidth3\trwWidth9464\trftsWidthB3\trftsWidthA3\trpaddl108\trpaddr108\trpaddfl3\trpaddft3\trpaddfb3\trpaddfr3 \clvertalt\clbrdrt\brdrtbl \clbrdrl\brdrtbl \clbrd</w:t>
      </w:r>
      <w:r w:rsidRPr="005B592D">
        <w:rPr>
          <w:rFonts w:ascii="Courier New" w:hAnsi="Courier New" w:cs="Courier New"/>
        </w:rPr>
        <w:t xml:space="preserve">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rdrl\brdrtbl \clbrdrb\brdrtbl \clbrdrr\brdrtbl \cltxlrtb\clftsWidth3\clwWidth4440\clshdrawnil \cellx6283\clvertalt\clbrdrt\brdrtbl \clbrdr</w:t>
      </w:r>
      <w:r w:rsidRPr="005B592D">
        <w:rPr>
          <w:rFonts w:ascii="Courier New" w:hAnsi="Courier New" w:cs="Courier New"/>
        </w:rPr>
        <w:t xml:space="preserve">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clbrdrr\brdrtbl \cltxlrtb\clftsWidth3\clwWidth1536\clshdrawnil \cellx7819\clvertalt\clbrdrt\brdrtbl \clbrdrl\brdrtbl \clbrdrb\brdrtbl \clbrdrr\brdrtbl \cltxlrtb\clftsWidth3\clwWidth1537\clshdra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ql </w:t>
      </w:r>
      <w:r w:rsidRPr="005B592D">
        <w:rPr>
          <w:rFonts w:ascii="Courier New" w:hAnsi="Courier New" w:cs="Courier New"/>
        </w:rPr>
        <w:t>\li0\ri0\widctlpar\intbl\aspalpha\aspnum\faauto\adjustright\rin0\lin0\pararsid6714967 {\insrsid11094648\charrsid12334462 CCAL\cell }{\insrsid11094648 Closing Auction Call}{\insrsid11094648\charrsid12334462 \cell 12}{\insrsid11094648 :5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1094648\</w:t>
      </w:r>
      <w:r w:rsidRPr="005B592D">
        <w:rPr>
          <w:rFonts w:ascii="Courier New" w:hAnsi="Courier New" w:cs="Courier New"/>
        </w:rPr>
        <w:t>charrsid12334462 5\cell }{\insrsid11094648 13:55}{\insrsid11094648\charrsid12334462 \cell }\pard \ql \li0\ri0\widctlpar\intbl\aspalpha\aspnum\faauto\adjustright\rin0\lin0 {\insrsid11094648 \trowd \irow7\irowband7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left-108\trftsWidth3\trw</w:t>
      </w:r>
      <w:r w:rsidRPr="005B592D">
        <w:rPr>
          <w:rFonts w:ascii="Courier New" w:hAnsi="Courier New" w:cs="Courier New"/>
        </w:rPr>
        <w:t xml:space="preserve">Width9464\trftsWidthB3\trftsWidthA3\trpaddl108\trpaddr108\trpaddfl3\trpaddft3\trpaddfb3\trpaddfr3 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</w:t>
      </w:r>
      <w:r w:rsidRPr="005B592D">
        <w:rPr>
          <w:rFonts w:ascii="Courier New" w:hAnsi="Courier New" w:cs="Courier New"/>
        </w:rPr>
        <w:t xml:space="preserve">drtbl \clbrdrl\brdrtbl \clbrdrb\brdrtbl \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</w:t>
      </w:r>
      <w:r w:rsidRPr="005B592D">
        <w:rPr>
          <w:rFonts w:ascii="Courier New" w:hAnsi="Courier New" w:cs="Courier New"/>
        </w:rPr>
        <w:t>rtalt\clbrdrt\brdrtbl \clbrdrl\brdrtbl \clbrdrb\brdrtbl \clbrdrr\brdrtbl \cltxlrtb\clftsWidth3\clwWidth1537\clshdrawnil \cellx9356\row }\trowd \irow8\irowband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rh90\trleft-108\trftsWidth3\trwWidth9464\trftsWidthB3\trftsWidthA3\trpaddl108</w:t>
      </w:r>
      <w:r w:rsidRPr="005B592D">
        <w:rPr>
          <w:rFonts w:ascii="Courier New" w:hAnsi="Courier New" w:cs="Courier New"/>
        </w:rPr>
        <w:t xml:space="preserve">\trpaddr108\trpaddfl3\trpaddft3\trpaddfb3\trpaddfr3 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rdrl\brdrtbl \clbrdrb\brdrtbl \clbrd</w:t>
      </w:r>
      <w:r w:rsidRPr="005B592D">
        <w:rPr>
          <w:rFonts w:ascii="Courier New" w:hAnsi="Courier New" w:cs="Courier New"/>
        </w:rPr>
        <w:t xml:space="preserve">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rtalt\clbrdrt\brdrtbl \clbrdrl\brdrtbl \clbrdr</w:t>
      </w:r>
      <w:r w:rsidRPr="005B592D">
        <w:rPr>
          <w:rFonts w:ascii="Courier New" w:hAnsi="Courier New" w:cs="Courier New"/>
        </w:rPr>
        <w:t xml:space="preserve">b\brdrtbl \clbrdrr\brdrtbl \cltxlrtb\clftsWidth3\clwWidth1537\clshdrawnil \cellx9356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auto\adjustright\rin0\lin0\pararsid6714967 {\insrsid11094648\charrsid12334462 CAUC\cell }{\insrsid11094648 Closing Au</w:t>
      </w:r>
      <w:r w:rsidRPr="005B592D">
        <w:rPr>
          <w:rFonts w:ascii="Courier New" w:hAnsi="Courier New" w:cs="Courier New"/>
        </w:rPr>
        <w:t>ction Execution}{\insrsid11094648\charrsid12334462 \cell 1}{\insrsid11094648 3:0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1094648\charrsid12334462 0\cell }{\insrsid11094648 14:00}{\insrsid11094648\charrsid12334462 \cell }\pard \ql \li0\ri0\widctlpar\intbl\aspalpha\aspnum\faauto\adjust</w:t>
      </w:r>
      <w:r w:rsidRPr="005B592D">
        <w:rPr>
          <w:rFonts w:ascii="Courier New" w:hAnsi="Courier New" w:cs="Courier New"/>
        </w:rPr>
        <w:t>right\rin0\lin0 {\insrsid11094648 \trowd \irow8\irowband8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rh90\trleft-108\trftsWidth3\trwWidth9464\trftsWidthB3\trftsWidthA3\trpaddl108\trpaddr108\trpaddfl3\trpaddft3\trpaddfb3\trpaddfr3 \clvertalt\clbrdrt\brdrtbl \clbrdrl\brdrtbl \clbrd</w:t>
      </w:r>
      <w:r w:rsidRPr="005B592D">
        <w:rPr>
          <w:rFonts w:ascii="Courier New" w:hAnsi="Courier New" w:cs="Courier New"/>
        </w:rPr>
        <w:t xml:space="preserve">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rdrl\brdrtbl \clbrdrb\brdrtbl \clbrdrr\brdrtbl \cltxlrtb\clftsWidth3\clwWidth4440\clshdrawnil \cellx6283\clvertalt\clbrdrt\brdrtbl \clbrdr</w:t>
      </w:r>
      <w:r w:rsidRPr="005B592D">
        <w:rPr>
          <w:rFonts w:ascii="Courier New" w:hAnsi="Courier New" w:cs="Courier New"/>
        </w:rPr>
        <w:t xml:space="preserve">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clbrdrr\brdrtbl \cltxlrtb\clftsWidth3\clwWidth1536\clshdrawnil \cellx7819\clvertalt\clbrdrt\brdrtbl \clbrdrl\brdrtbl \clbrdrb\brdrtbl \clbrdrr\brdrtbl \cltxlrtb\clftsWidth3\clwWidth1537\clshdra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ql </w:t>
      </w:r>
      <w:r w:rsidRPr="005B592D">
        <w:rPr>
          <w:rFonts w:ascii="Courier New" w:hAnsi="Courier New" w:cs="Courier New"/>
        </w:rPr>
        <w:t xml:space="preserve">\li0\ri0\widctlpar\intbl\aspalpha\aspnum\faauto\adjustright\rin0\lin0\pararsid6714967 {\insrsid11094648\charrsid12334462 ICPC\cell Imported Price Auction Call\cell 1}{\insrsid11094648 3:0}{\insrsid11094648\charrsid12334462 1\cell }{\insrsid11094648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4:01</w:t>
      </w:r>
      <w:r w:rsidRPr="005B592D">
        <w:rPr>
          <w:rFonts w:ascii="Courier New" w:hAnsi="Courier New" w:cs="Courier New"/>
        </w:rPr>
        <w:t>}{\insrsid11094648\charrsid12334462 \cell }\pard \ql \li0\ri0\widctlpar\intbl\aspalpha\aspnum\faauto\adjustright\rin0\lin0 {\insrsid11094648 \trowd \irow9\irowband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rh90\trleft-108\trftsWidth3\trwWidth9464\trftsWidthB3\trftsWidthA3\trpad</w:t>
      </w:r>
      <w:r w:rsidRPr="005B592D">
        <w:rPr>
          <w:rFonts w:ascii="Courier New" w:hAnsi="Courier New" w:cs="Courier New"/>
        </w:rPr>
        <w:t xml:space="preserve">dl108\trpaddr108\trpaddfl3\trpaddft3\trpaddfb3\trpaddfr3 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rdrl\brdrtbl \clbrdrb\brdrtbl \</w:t>
      </w:r>
      <w:r w:rsidRPr="005B592D">
        <w:rPr>
          <w:rFonts w:ascii="Courier New" w:hAnsi="Courier New" w:cs="Courier New"/>
        </w:rPr>
        <w:t xml:space="preserve">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rtalt\clbrdrt\brdrtbl \clbrdrl\brdrtbl \c</w:t>
      </w:r>
      <w:r w:rsidRPr="005B592D">
        <w:rPr>
          <w:rFonts w:ascii="Courier New" w:hAnsi="Courier New" w:cs="Courier New"/>
        </w:rPr>
        <w:t xml:space="preserve">lbrdrb\brdrtbl \clbrdrr\brdrtbl \cltxlrtb\clftsWidth3\clwWidth1537\clshdra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auto\adjustright\rin0\lin0\pararsid6714967 {\insrsid11094648\charrsid12334462 ICPM\cell Imported Price Auc</w:t>
      </w:r>
      <w:r w:rsidRPr="005B592D">
        <w:rPr>
          <w:rFonts w:ascii="Courier New" w:hAnsi="Courier New" w:cs="Courier New"/>
        </w:rPr>
        <w:t xml:space="preserve">tion Match\cell 1}{\insrsid11094648 3:1}{\insrsid11094648\charrsid12334462 0\cell }{\insrsid11094648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14:10}{\insrsid11094648\charrsid12334462 \cell }\pard \ql \li0\ri0\widctlpar\intbl\aspalpha\aspnum\faauto\adjustright\rin0\lin0 {\insrsid11094648 \trowd </w:t>
      </w:r>
      <w:r w:rsidRPr="005B592D">
        <w:rPr>
          <w:rFonts w:ascii="Courier New" w:hAnsi="Courier New" w:cs="Courier New"/>
        </w:rPr>
        <w:t>\irow10\irowband1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ts11\trgaph108\trrh90\trleft-108\trftsWidth3\trwWidth9464\trftsWidthB3\trftsWidthA3\trpaddl108\trpaddr108\trpaddfl3\trpaddft3\trpaddfb3\trpaddfr3 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</w:t>
      </w:r>
      <w:r w:rsidRPr="005B592D">
        <w:rPr>
          <w:rFonts w:ascii="Courier New" w:hAnsi="Courier New" w:cs="Courier New"/>
        </w:rPr>
        <w:t xml:space="preserve">\clftsWidth3\clwWidth1951\clshdrawnil \cellx1843\clvertalt\clbrdrt\brdrtbl \clbrdrl\brdrtbl \clbrdrb\brdrtbl \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</w:t>
      </w:r>
      <w:r w:rsidRPr="005B592D">
        <w:rPr>
          <w:rFonts w:ascii="Courier New" w:hAnsi="Courier New" w:cs="Courier New"/>
        </w:rPr>
        <w:t xml:space="preserve">rdrtbl \cltxlrtb\clftsWidth3\clwWidth1536\clshdrawnil \cellx7819\clvertalt\clbrdrt\brdrtbl \clbrdrl\brdrtbl \clbrdrb\brdrtbl \clbrdrr\brdrtbl \cltxlrtb\clftsWidth3\clwWidth1537\clshdra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</w:t>
      </w:r>
      <w:r w:rsidRPr="005B592D">
        <w:rPr>
          <w:rFonts w:ascii="Courier New" w:hAnsi="Courier New" w:cs="Courier New"/>
        </w:rPr>
        <w:t xml:space="preserve">m\faauto\adjustright\rin0\lin0\pararsid6714967 {\insrsid11094648\charrsid12334462 OBC\cell Order Book Close\cell 13}{\insrsid11094648 :}{\insrsid9394264 1}{\insrsid13697963 4}{\insrsid11094648\charrsid12334462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ell }{\insrsid11094648 14:}{\insrsid939426</w:t>
      </w:r>
      <w:r w:rsidRPr="005B592D">
        <w:rPr>
          <w:rFonts w:ascii="Courier New" w:hAnsi="Courier New" w:cs="Courier New"/>
        </w:rPr>
        <w:t>4 1}{\insrsid13697963 4}{\insrsid11094648\charrsid12334462 \cell }\pard \ql \li0\ri0\widctlpar\intbl\aspalpha\aspnum\faauto\adjustright\rin0\lin0 {\insrsid11094648 \trowd \irow11\irowband11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rh90\trleft-108\trftsWidth3\trwWidth9464\trftsW</w:t>
      </w:r>
      <w:r w:rsidRPr="005B592D">
        <w:rPr>
          <w:rFonts w:ascii="Courier New" w:hAnsi="Courier New" w:cs="Courier New"/>
        </w:rPr>
        <w:t xml:space="preserve">idthB3\trftsWidthA3\trpaddl108\trpaddr108\trpaddfl3\trpaddft3\trpaddfb3\trpaddfr3 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rdrl\b</w:t>
      </w:r>
      <w:r w:rsidRPr="005B592D">
        <w:rPr>
          <w:rFonts w:ascii="Courier New" w:hAnsi="Courier New" w:cs="Courier New"/>
        </w:rPr>
        <w:t xml:space="preserve">rdrtbl \clbrdrb\brdrtbl \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rtalt\clbrdrt\br</w:t>
      </w:r>
      <w:r w:rsidRPr="005B592D">
        <w:rPr>
          <w:rFonts w:ascii="Courier New" w:hAnsi="Courier New" w:cs="Courier New"/>
        </w:rPr>
        <w:t xml:space="preserve">drtbl \clbrdrl\brdrtbl \clbrdrb\brdrtbl \clbrdrr\brdrtbl \cltxlrtb\clftsWidth3\clwWidth1537\clshdra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auto\adjustright\rin0\lin0\pararsid6714967 {\insrsid11094648\charrsid12334462 CLO</w:t>
      </w:r>
      <w:r w:rsidRPr="005B592D">
        <w:rPr>
          <w:rFonts w:ascii="Courier New" w:hAnsi="Courier New" w:cs="Courier New"/>
        </w:rPr>
        <w:t xml:space="preserve">S\cell Close\tab \cell 13}{\insrsid11094648 :}{\insrsid13697963 15}{\insrsid11094648\charrsid12334462 \cell }{\insrsid11094648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14:}{\insrsid13697963 15}{\insrsid11094648\charrsid12334462 \cell }\pard \ql \li0\ri0\widctlpar\intbl\aspalpha\aspnum\faauto\ad</w:t>
      </w:r>
      <w:r w:rsidRPr="005B592D">
        <w:rPr>
          <w:rFonts w:ascii="Courier New" w:hAnsi="Courier New" w:cs="Courier New"/>
        </w:rPr>
        <w:t>justright\rin0\lin0 {\insrsid11094648 \trowd \irow12\irowband12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ts11\trgaph108\trrh90\trleft-108\trftsWidth3\trwWidth9464\trftsWidthB3\trftsWidthA3\trpaddl108\trpaddr108\trpaddfl3\trpaddft3\trpaddfb3\trpaddfr3 \clvertalt\clbrdrt\brdrtbl \clbrdrl\brdrtbl </w:t>
      </w:r>
      <w:r w:rsidRPr="005B592D">
        <w:rPr>
          <w:rFonts w:ascii="Courier New" w:hAnsi="Courier New" w:cs="Courier New"/>
        </w:rPr>
        <w:t xml:space="preserve">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rdrl\brdrtbl \clbrdrb\brdrtbl \clbrdrr\brdrtbl \cltxlrtb\clftsWidth3\clwWidth4440\clshdrawnil \cellx6283\clvertalt\clbrdrt\brdrtbl \</w:t>
      </w:r>
      <w:r w:rsidRPr="005B592D">
        <w:rPr>
          <w:rFonts w:ascii="Courier New" w:hAnsi="Courier New" w:cs="Courier New"/>
        </w:rPr>
        <w:t xml:space="preserve">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rtalt\clbrdrt\brdrtbl \clbrdrl\brdrtbl \clbrdrb\brdrtbl \clbrdrr\brdrtbl \cltxlrtb\clftsWidth3\clwWidth1537\clshdrawnil \cellx9356\row }\trowd</w:t>
      </w:r>
      <w:r w:rsidRPr="005B592D">
        <w:rPr>
          <w:rFonts w:ascii="Courier New" w:hAnsi="Courier New" w:cs="Courier New"/>
        </w:rPr>
        <w:t xml:space="preserve"> \irow13\irowband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ts11\trgaph108\trrh135\trleft-108\trftsWidth3\trwWidth9464\trftsWidthB3\trftsWidthA3\trpaddl108\trpaddr108\trpaddfl3\trpaddft3\trpaddfb3\trpaddfr3 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</w:t>
      </w:r>
      <w:r w:rsidRPr="005B592D">
        <w:rPr>
          <w:rFonts w:ascii="Courier New" w:hAnsi="Courier New" w:cs="Courier New"/>
        </w:rPr>
        <w:t xml:space="preserve">tb\clftsWidth3\clwWidth1951\clshdrawnil \cellx1843\clvertalt\clbrdrt\brdrtbl \clbrdrl\brdrtbl \clbrdrb\brdrtbl \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</w:t>
      </w:r>
      <w:r w:rsidRPr="005B592D">
        <w:rPr>
          <w:rFonts w:ascii="Courier New" w:hAnsi="Courier New" w:cs="Courier New"/>
        </w:rPr>
        <w:t xml:space="preserve">\brdrtbl \cltxlrtb\clftsWidth3\clwWidth1536\clshdrawnil \cellx7819\clvertalt\clbrdrt\brdrtbl \clbrdrl\brdrtbl \clbrdrb\brdrtbl \clbrdrr\brdrtbl \cltxlrtb\clftsWidth3\clwWidth1537\clshdrawnil \cellx9356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</w:t>
      </w:r>
      <w:r w:rsidRPr="005B592D">
        <w:rPr>
          <w:rFonts w:ascii="Courier New" w:hAnsi="Courier New" w:cs="Courier New"/>
        </w:rPr>
        <w:t>auto\adjustright\rin0\lin0\pararsid6714967 {\insrsid13697963 ADM}{\insrsid11094648\charrsid12334462 N\tab \cell Administration Period\cell 13}{\insrsid11094648 :}{\insrsid13697963 16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1094648\charrsid12334462 \cell }{\insrsid11094648 14:}{\insrs</w:t>
      </w:r>
      <w:r w:rsidRPr="005B592D">
        <w:rPr>
          <w:rFonts w:ascii="Courier New" w:hAnsi="Courier New" w:cs="Courier New"/>
        </w:rPr>
        <w:t>id13697963 16}{\insrsid11094648\charrsid12334462 \cell }\pard \ql \li0\ri0\widctlpar\intbl\aspalpha\aspnum\faauto\adjustright\rin0\lin0 {\insrsid11094648 \trowd \irow13\irowband13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s11\trgaph108\trrh135\trleft-108\trftsWidth3\trwWidth9464\trftsWidthB3\tr</w:t>
      </w:r>
      <w:r w:rsidRPr="005B592D">
        <w:rPr>
          <w:rFonts w:ascii="Courier New" w:hAnsi="Courier New" w:cs="Courier New"/>
        </w:rPr>
        <w:t xml:space="preserve">ftsWidthA3\trpaddl108\trpaddr108\trpaddfl3\trpaddft3\trpaddfb3\trpaddfr3 \clvertalt\clbrdrt\brdrtbl \clbrdrl\brdrtbl \clbrdrb\brdrtbl \clbrdrr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txlrtb\clftsWidth3\clwWidth1951\clshdrawnil \cellx1843\clvertalt\clbrdrt\brdrtbl \clbrdrl\brdrtbl \c</w:t>
      </w:r>
      <w:r w:rsidRPr="005B592D">
        <w:rPr>
          <w:rFonts w:ascii="Courier New" w:hAnsi="Courier New" w:cs="Courier New"/>
        </w:rPr>
        <w:t xml:space="preserve">lbrdrb\brdrtbl \clbrdrr\brdrtbl \cltxlrtb\clftsWidth3\clwWidth4440\clshdrawnil \cellx6283\clvertalt\clbrdrt\brdrtbl \clbrdrl\brdrtbl \clbrdrb\brdrtbl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clbrdrr\brdrtbl \cltxlrtb\clftsWidth3\clwWidth1536\clshdrawnil \cellx7819\clvertalt\clbrdrt\brdrtbl \cl</w:t>
      </w:r>
      <w:r w:rsidRPr="005B592D">
        <w:rPr>
          <w:rFonts w:ascii="Courier New" w:hAnsi="Courier New" w:cs="Courier New"/>
        </w:rPr>
        <w:t xml:space="preserve">brdrl\brdrtbl \clbrdrb\brdrtbl \clbrdrr\brdrtbl \cltxlrtb\clftsWidth3\clwWidth1537\clshdrawnil \cellx9356\row }\par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ql \li0\ri0\widctlpar\intbl\aspalpha\aspnum\faauto\adjustright\rin0\lin0\pararsid6714967 {\insrsid11094648\charrsid12334462 EOA}{\b\insr</w:t>
      </w:r>
      <w:r w:rsidRPr="005B592D">
        <w:rPr>
          <w:rFonts w:ascii="Courier New" w:hAnsi="Courier New" w:cs="Courier New"/>
        </w:rPr>
        <w:t>sid11094648\charrsid12334462 \cell }{\insrsid11094648\charrsid12334462 End of Administration \tab \tab \cell 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9394264 13:30}{\insrsid11094648\charrsid12334462 \cell }{\insrsid11094648 1}{\insrsid9394264 4:30}{\insrsid11094648\charrsid12334462 \c</w:t>
      </w:r>
      <w:r w:rsidRPr="005B592D">
        <w:rPr>
          <w:rFonts w:ascii="Courier New" w:hAnsi="Courier New" w:cs="Courier New"/>
        </w:rPr>
        <w:t xml:space="preserve">ell }\pard \ql \li0\ri0\widctlpar\intbl\aspalpha\aspnum\faauto\adjustright\rin0\lin0 {\insrsid11094648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trowd \irow14\irowband14\lastrow \ts11\trgaph108\trrh135\trleft-108\trftsWidth3\trwWidth9464\trftsWidthB3\trftsWidthA3\trpaddl108\trpaddr108\trpaddfl3</w:t>
      </w:r>
      <w:r w:rsidRPr="005B592D">
        <w:rPr>
          <w:rFonts w:ascii="Courier New" w:hAnsi="Courier New" w:cs="Courier New"/>
        </w:rPr>
        <w:t>\trpaddft3\trpaddfb3\trpaddfr3 \clvertalt\clbrdrt\brdrtbl \clbrdrl\brdrtbl \clbrdrb\brdrtbl \clbrdrr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brdrtbl \cltxlrtb\clftsWidth3\clwWidth1951\clshdrawnil \cellx1843\clvertalt\clbrdrt\brdrtbl \clbrdrl\brdrtbl \clbrdrb\brdrtbl \clbrdrr\brdrtbl \cltxlrtb\</w:t>
      </w:r>
      <w:r w:rsidRPr="005B592D">
        <w:rPr>
          <w:rFonts w:ascii="Courier New" w:hAnsi="Courier New" w:cs="Courier New"/>
        </w:rPr>
        <w:t>clftsWidth3\clwWidth4440\clshdrawnil \cellx6283\clvertalt\clbrdrt\brdrtbl \clbrdrl\brdrtbl \clbrdrb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brdrtbl \clbrdrr\brdrtbl \cltxlrtb\clftsWidth3\clwWidth1536\clshdrawnil \cellx7819\clvertalt\clbrdrt\brdrtbl \clbrdrl\brdrtbl \clbrdrb\brdrtbl \clbrdrr\br</w:t>
      </w:r>
      <w:r w:rsidRPr="005B592D">
        <w:rPr>
          <w:rFonts w:ascii="Courier New" w:hAnsi="Courier New" w:cs="Courier New"/>
        </w:rPr>
        <w:t xml:space="preserve">drtbl \cltxlrtb\clftsWidth3\clwWidth1537\clshdrawnil \cellx9356\row }\pard\plain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s18\qj \li0\ri0\widctlpar\aspalpha\aspnum\faauto\adjustright\rin0\lin0\itap0\pararsid5122886 \f1\fs24\lang2057\langfe1033\cgrid\langnp2057\langfenp1033 {\b\insrsid16586881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}\pard\plain \ql \li0\ri0\widctlpar\aspalpha\aspnum\faauto\adjustright\rin0\lin0\itap0\pararsid5122886 \f1\fs24\lang2057\langfe1033\cgrid\langnp2057\langfenp1033 {\insrsid12585739 Full details of the arrangements }{\insrsid14508858 for all services </w:t>
      </w:r>
      <w:r w:rsidRPr="005B592D">
        <w:rPr>
          <w:rFonts w:ascii="Courier New" w:hAnsi="Courier New" w:cs="Courier New"/>
        </w:rPr>
        <w:t>}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insrsid12585739 are available on the Exchange\rquote s website at: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{\field{\*\fldinst {\fs20\insrsid12585739  HYPERLINK "http://www.londonstockexchange.com/en-gb/about/cooverview/businessdays/Christmas+and+New+Year+trading+days/xmasclose.htm" }</w:t>
      </w:r>
      <w:r w:rsidRPr="005B592D">
        <w:rPr>
          <w:rFonts w:ascii="Courier New" w:hAnsi="Courier New" w:cs="Courier New"/>
        </w:rPr>
        <w:t xml:space="preserve">{\fs20\insrsid1407543\charrsid12585739 {\*\datafiel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d0c9ea79f9bace118c8200aa004ba90b0200000003000000e0c9ea79f9bace118c8200aa004ba90bf200000068007400740070003a002f002f007700770077002e006c006f006e0064006f006e00730074006f0063006b00650078006300680061006e0</w:t>
      </w:r>
      <w:r w:rsidRPr="005B592D">
        <w:rPr>
          <w:rFonts w:ascii="Courier New" w:hAnsi="Courier New" w:cs="Courier New"/>
        </w:rPr>
        <w:t>0670065002e0063006f006d002f0065006e002d00670062002f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10062006f00750074002f0063006f006f0076006500720076006900650077002f0062007500730069006e0065007300730064006100790073002f004300680072006900730074006d00610073002b0061006e0064002b004e00650077002b00590065006</w:t>
      </w:r>
      <w:r w:rsidRPr="005B592D">
        <w:rPr>
          <w:rFonts w:ascii="Courier New" w:hAnsi="Courier New" w:cs="Courier New"/>
        </w:rPr>
        <w:t>10072002b00740072006100640069006e0067002b006400610079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73002f0078006d006100730063006c006f00730065002e00680074006d0000000000}}}{\fldrslt {\cs20\fs20\ul\cf2\insrsid12585739\charrsid12585739 http://www.londonstockexchange.com/en-gb/about/cooverview/business</w:t>
      </w:r>
      <w:r w:rsidRPr="005B592D">
        <w:rPr>
          <w:rFonts w:ascii="Courier New" w:hAnsi="Courier New" w:cs="Courier New"/>
        </w:rPr>
        <w:t>days/Christmas+and+New+Year+trading+days/xmasclose.htm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}}}{\fs20\insrsid12585739\charrsid12585739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}{\insrsid5122886 \~}{\f0\insrsid5122886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 \ql \li0\ri0\widctlpar\aspalpha\aspnum\faauto\adjustright\rin0\lin0\itap0\pararsid8918560 {\ins</w:t>
      </w:r>
      <w:r w:rsidRPr="005B592D">
        <w:rPr>
          <w:rFonts w:ascii="Courier New" w:hAnsi="Courier New" w:cs="Courier New"/>
        </w:rPr>
        <w:t xml:space="preserve">rsid2508098 \page }{\insrsid5122886\charrsid2508098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If you have any queries or require further information please contact your account manager or the Technical Information Desk on 020 7797 3939 (STX 33939).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\plain \s17\ql \li720\ri0\widctlpar</w:t>
      </w:r>
      <w:r w:rsidRPr="005B592D">
        <w:rPr>
          <w:rFonts w:ascii="Courier New" w:hAnsi="Courier New" w:cs="Courier New"/>
        </w:rPr>
        <w:t xml:space="preserve">\aspalpha\aspnum\faauto\adjustright\rin0\lin720\itap0\pararsid5122886 \b\f1\fs24\lang2057\langfe1033\cgrid\langnp2057\langfenp1033 {\fs20\insrsid5122886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 \s17\ql \li0\ri0\widctlpar\aspalpha\aspnum\faauto\adjustright\rin0\lin0\itap0\pararsid512</w:t>
      </w:r>
      <w:r w:rsidRPr="005B592D">
        <w:rPr>
          <w:rFonts w:ascii="Courier New" w:hAnsi="Courier New" w:cs="Courier New"/>
        </w:rPr>
        <w:t>2886 {\insrsid5122886 An archive of previously issued service announcements is available on the Exchange\rquote s website at }{\field\fldedit{\*\fldinst {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fs20\insrsid5122886  HYPERLINK "http://www.londonstockexchange.com/techlib" }{\fs20\insrsid1407543\</w:t>
      </w:r>
      <w:r w:rsidRPr="005B592D">
        <w:rPr>
          <w:rFonts w:ascii="Courier New" w:hAnsi="Courier New" w:cs="Courier New"/>
        </w:rPr>
        <w:t xml:space="preserve">charrsid11414791 {\*\datafiel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0d0c9ea79f9bace118c8200aa004ba90b0200000003000000e0c9ea79f9bace118c8200aa004ba90b5600000068007400740070003a002f002f007700770077002e006c006f006e0064006f006e00730074006f0063006b00650078006300680061006e00670065002e0063006f006</w:t>
      </w:r>
      <w:r w:rsidRPr="005B592D">
        <w:rPr>
          <w:rFonts w:ascii="Courier New" w:hAnsi="Courier New" w:cs="Courier New"/>
        </w:rPr>
        <w:t>d002f0074006500630068006c0069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6200000000}}}{\fldrslt {\cs20\ul\cf2\insrsid5122886 www.londonstockexchange.com/techlib}}}{\insrsid5122886                         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\plain \s18\qj \li720\ri0\widctlpar\aspalpha\aspnum\faauto\adjustright\rin0\li</w:t>
      </w:r>
      <w:r w:rsidRPr="005B592D">
        <w:rPr>
          <w:rFonts w:ascii="Courier New" w:hAnsi="Courier New" w:cs="Courier New"/>
        </w:rPr>
        <w:t xml:space="preserve">n720\itap0\pararsid5122886 \f1\fs24\lang2057\langfe1033\cgrid\langnp2057\langfenp1033 {\fs20\insrsid5122886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 \s18\qj \li0\ri0\widctlpar\aspalpha\aspnum\faauto\adjustright\rin0\lin0\itap0\pararsid5122886 {\insrsid5122886 If you would like to am</w:t>
      </w:r>
      <w:r w:rsidRPr="005B592D">
        <w:rPr>
          <w:rFonts w:ascii="Courier New" w:hAnsi="Courier New" w:cs="Courier New"/>
        </w:rPr>
        <w:t>end or add further recipients of service announcements, please send the revised email contact details to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 xml:space="preserve">\par }{\field\fldedit{\*\fldinst {\insrsid5122886  HYPERLINK "mailto:serviceannouncements@londonstockexchange.com" }{\insrsid1407543 {\*\datafield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0</w:t>
      </w:r>
      <w:r w:rsidRPr="005B592D">
        <w:rPr>
          <w:rFonts w:ascii="Courier New" w:hAnsi="Courier New" w:cs="Courier New"/>
        </w:rPr>
        <w:t>0d0c9ea79f9bace118c8200aa004ba90b0200000003000000e0c9ea79f9bace118c8200aa004ba90b680000006d00610069006c0074006f003a00730065007200760069006300650061006e006e006f0075006e00630065006d0065006e007400730040006c006f006e0064006f006e00730074006f0063006b0065007800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6</w:t>
      </w:r>
      <w:r w:rsidRPr="005B592D">
        <w:rPr>
          <w:rFonts w:ascii="Courier New" w:hAnsi="Courier New" w:cs="Courier New"/>
        </w:rPr>
        <w:t xml:space="preserve">300680061006e00670065002e0063006f006d00000000}}}{\fldrslt {\cs20\ul\cf2\insrsid5122886 service.announcements@londonstockexchange.com}}}{\insrsid11094648 .}{\insrsid2120297 </w:t>
      </w:r>
    </w:p>
    <w:p w:rsidR="00000000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\pard \s18\qj \li0\ri0\widctlpar\aspalpha\aspnum\faauto\adjustright\rin0\lin</w:t>
      </w:r>
      <w:r w:rsidRPr="005B592D">
        <w:rPr>
          <w:rFonts w:ascii="Courier New" w:hAnsi="Courier New" w:cs="Courier New"/>
        </w:rPr>
        <w:t xml:space="preserve">0\itap0 {\insrsid1588798 </w:t>
      </w:r>
    </w:p>
    <w:p w:rsidR="005967D3" w:rsidRPr="005B592D" w:rsidRDefault="005967D3" w:rsidP="005B592D">
      <w:pPr>
        <w:pStyle w:val="PlainText"/>
        <w:rPr>
          <w:rFonts w:ascii="Courier New" w:hAnsi="Courier New" w:cs="Courier New"/>
        </w:rPr>
      </w:pPr>
      <w:r w:rsidRPr="005B592D">
        <w:rPr>
          <w:rFonts w:ascii="Courier New" w:hAnsi="Courier New" w:cs="Courier New"/>
        </w:rPr>
        <w:t>\par }}</w:t>
      </w:r>
    </w:p>
    <w:sectPr w:rsidR="005967D3" w:rsidRPr="005B592D" w:rsidSect="005B592D">
      <w:pgSz w:w="11906" w:h="16838"/>
      <w:pgMar w:top="1440" w:right="1335" w:bottom="1440" w:left="13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5967D3" w:rsidRDefault="005967D3" w:rsidP="00040D48">
      <w:pPr>
        <w:spacing w:after="0" w:line="240" w:lineRule="auto"/>
      </w:pPr>
      <w:r>
        <w:separator/>
      </w:r>
    </w:p>
  </w:endnote>
  <w:endnote w:type="continuationSeparator" w:id="0">
    <w:p w:rsidR="005967D3" w:rsidRDefault="005967D3" w:rsidP="00040D4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5967D3" w:rsidRDefault="005967D3" w:rsidP="00040D48">
      <w:pPr>
        <w:spacing w:after="0" w:line="240" w:lineRule="auto"/>
      </w:pPr>
      <w:r>
        <w:separator/>
      </w:r>
    </w:p>
  </w:footnote>
  <w:footnote w:type="continuationSeparator" w:id="0">
    <w:p w:rsidR="005967D3" w:rsidRDefault="005967D3" w:rsidP="00040D48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6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25BF3"/>
    <w:rsid w:val="00040D48"/>
    <w:rsid w:val="005967D3"/>
    <w:rsid w:val="005B592D"/>
    <w:rsid w:val="00625BF3"/>
    <w:rsid w:val="008E499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561AC7F4-45BB-4F61-8551-6F28ADA0D1E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GB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PlainText">
    <w:name w:val="Plain Text"/>
    <w:basedOn w:val="Normal"/>
    <w:link w:val="PlainTextChar"/>
    <w:uiPriority w:val="99"/>
    <w:unhideWhenUsed/>
    <w:rsid w:val="005B592D"/>
    <w:pPr>
      <w:spacing w:after="0" w:line="240" w:lineRule="auto"/>
    </w:pPr>
    <w:rPr>
      <w:rFonts w:ascii="Consolas" w:hAnsi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rsid w:val="005B592D"/>
    <w:rPr>
      <w:rFonts w:ascii="Consolas" w:hAnsi="Consolas"/>
      <w:sz w:val="21"/>
      <w:szCs w:val="21"/>
    </w:rPr>
  </w:style>
  <w:style w:type="paragraph" w:styleId="Header">
    <w:name w:val="header"/>
    <w:basedOn w:val="Normal"/>
    <w:link w:val="HeaderChar"/>
    <w:uiPriority w:val="99"/>
    <w:unhideWhenUsed/>
    <w:rsid w:val="00040D48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40D48"/>
  </w:style>
  <w:style w:type="paragraph" w:styleId="Footer">
    <w:name w:val="footer"/>
    <w:basedOn w:val="Normal"/>
    <w:link w:val="FooterChar"/>
    <w:uiPriority w:val="99"/>
    <w:unhideWhenUsed/>
    <w:rsid w:val="00040D48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40D48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50708</Words>
  <Characters>289039</Characters>
  <Application>Microsoft Office Word</Application>
  <DocSecurity>0</DocSecurity>
  <Lines>2408</Lines>
  <Paragraphs>678</Paragraphs>
  <ScaleCrop>false</ScaleCrop>
  <Company/>
  <LinksUpToDate>false</LinksUpToDate>
  <CharactersWithSpaces>33906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erera, Gayan</dc:creator>
  <cp:keywords/>
  <dc:description/>
  <cp:lastModifiedBy>Perera, Gayan</cp:lastModifiedBy>
  <cp:revision>2</cp:revision>
  <dcterms:created xsi:type="dcterms:W3CDTF">2020-09-01T10:35:00Z</dcterms:created>
  <dcterms:modified xsi:type="dcterms:W3CDTF">2020-09-01T10:35:00Z</dcterms:modified>
</cp:coreProperties>
</file>